
<file path=[Content_Types].xml><?xml version="1.0" encoding="utf-8"?>
<Types xmlns="http://schemas.openxmlformats.org/package/2006/content-types">
  <Default Extension="jpeg" ContentType="image/jpeg"/>
  <Default Extension="jpg" ContentType="image/jpeg"/>
  <Default Extension="mp4" ContentType="video/mp4"/>
  <Default Extension="png" ContentType="image/png"/>
  <Default Extension="rels" ContentType="application/vnd.openxmlformats-package.relationships+xml"/>
  <Default Extension="svg" ContentType="image/svg+xml"/>
  <Default Extension="wav" ContentType="audio/x-wav"/>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Masters/slideMaster8.xml" ContentType="application/vnd.openxmlformats-officedocument.presentationml.slideMaster+xml"/>
  <Override PartName="/ppt/slideMasters/slideMaster9.xml" ContentType="application/vnd.openxmlformats-officedocument.presentationml.slideMaster+xml"/>
  <Override PartName="/ppt/slideMasters/slideMaster10.xml" ContentType="application/vnd.openxmlformats-officedocument.presentationml.slideMaster+xml"/>
  <Override PartName="/ppt/slideMasters/slideMaster1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theme/theme2.xml" ContentType="application/vnd.openxmlformats-officedocument.theme+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3.xml" ContentType="application/vnd.openxmlformats-officedocument.theme+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theme/theme4.xml" ContentType="application/vnd.openxmlformats-officedocument.theme+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theme/theme5.xml" ContentType="application/vnd.openxmlformats-officedocument.theme+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theme/theme6.xml" ContentType="application/vnd.openxmlformats-officedocument.theme+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theme/theme7.xml" ContentType="application/vnd.openxmlformats-officedocument.theme+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theme/theme8.xml" ContentType="application/vnd.openxmlformats-officedocument.theme+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theme/theme9.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slideLayouts/slideLayout105.xml" ContentType="application/vnd.openxmlformats-officedocument.presentationml.slideLayout+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theme/theme10.xml" ContentType="application/vnd.openxmlformats-officedocument.theme+xml"/>
  <Override PartName="/ppt/slideLayouts/slideLayout108.xml" ContentType="application/vnd.openxmlformats-officedocument.presentationml.slideLayout+xml"/>
  <Override PartName="/ppt/slideLayouts/slideLayout109.xml" ContentType="application/vnd.openxmlformats-officedocument.presentationml.slideLayout+xml"/>
  <Override PartName="/ppt/slideLayouts/slideLayout110.xml" ContentType="application/vnd.openxmlformats-officedocument.presentationml.slideLayout+xml"/>
  <Override PartName="/ppt/slideLayouts/slideLayout111.xml" ContentType="application/vnd.openxmlformats-officedocument.presentationml.slideLayout+xml"/>
  <Override PartName="/ppt/slideLayouts/slideLayout112.xml" ContentType="application/vnd.openxmlformats-officedocument.presentationml.slideLayout+xml"/>
  <Override PartName="/ppt/slideLayouts/slideLayout113.xml" ContentType="application/vnd.openxmlformats-officedocument.presentationml.slideLayout+xml"/>
  <Override PartName="/ppt/slideLayouts/slideLayout114.xml" ContentType="application/vnd.openxmlformats-officedocument.presentationml.slideLayout+xml"/>
  <Override PartName="/ppt/slideLayouts/slideLayout115.xml" ContentType="application/vnd.openxmlformats-officedocument.presentationml.slideLayout+xml"/>
  <Override PartName="/ppt/slideLayouts/slideLayout116.xml" ContentType="application/vnd.openxmlformats-officedocument.presentationml.slideLayout+xml"/>
  <Override PartName="/ppt/slideLayouts/slideLayout117.xml" ContentType="application/vnd.openxmlformats-officedocument.presentationml.slideLayout+xml"/>
  <Override PartName="/ppt/slideLayouts/slideLayout118.xml" ContentType="application/vnd.openxmlformats-officedocument.presentationml.slideLayout+xml"/>
  <Override PartName="/ppt/slideLayouts/slideLayout119.xml" ContentType="application/vnd.openxmlformats-officedocument.presentationml.slideLayout+xml"/>
  <Override PartName="/ppt/theme/theme11.xml" ContentType="application/vnd.openxmlformats-officedocument.theme+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heme/theme12.xml" ContentType="application/vnd.openxmlformats-officedocument.theme+xml"/>
  <Override PartName="/ppt/tags/tag30.xml" ContentType="application/vnd.openxmlformats-officedocument.presentationml.tags+xml"/>
  <Override PartName="/ppt/notesSlides/notesSlide1.xml" ContentType="application/vnd.openxmlformats-officedocument.presentationml.notesSlide+xml"/>
  <Override PartName="/ppt/tags/tag31.xml" ContentType="application/vnd.openxmlformats-officedocument.presentationml.tags+xml"/>
  <Override PartName="/ppt/notesSlides/notesSlide2.xml" ContentType="application/vnd.openxmlformats-officedocument.presentationml.notesSlide+xml"/>
  <Override PartName="/ppt/tags/tag32.xml" ContentType="application/vnd.openxmlformats-officedocument.presentationml.tags+xml"/>
  <Override PartName="/ppt/notesSlides/notesSlide3.xml" ContentType="application/vnd.openxmlformats-officedocument.presentationml.notesSlide+xml"/>
  <Override PartName="/ppt/tags/tag33.xml" ContentType="application/vnd.openxmlformats-officedocument.presentationml.tags+xml"/>
  <Override PartName="/ppt/notesSlides/notesSlide4.xml" ContentType="application/vnd.openxmlformats-officedocument.presentationml.notesSlide+xml"/>
  <Override PartName="/ppt/tags/tag34.xml" ContentType="application/vnd.openxmlformats-officedocument.presentationml.tags+xml"/>
  <Override PartName="/ppt/tags/tag35.xml" ContentType="application/vnd.openxmlformats-officedocument.presentationml.tags+xml"/>
  <Override PartName="/ppt/tags/tag36.xml" ContentType="application/vnd.openxmlformats-officedocument.presentationml.tags+xml"/>
  <Override PartName="/ppt/tags/tag37.xml" ContentType="application/vnd.openxmlformats-officedocument.presentationml.tags+xml"/>
  <Override PartName="/ppt/tags/tag38.xml" ContentType="application/vnd.openxmlformats-officedocument.presentationml.tags+xml"/>
  <Override PartName="/ppt/tags/tag39.xml" ContentType="application/vnd.openxmlformats-officedocument.presentationml.tags+xml"/>
  <Override PartName="/ppt/tags/tag40.xml" ContentType="application/vnd.openxmlformats-officedocument.presentationml.tags+xml"/>
  <Override PartName="/ppt/tags/tag41.xml" ContentType="application/vnd.openxmlformats-officedocument.presentationml.tags+xml"/>
  <Override PartName="/ppt/tags/tag42.xml" ContentType="application/vnd.openxmlformats-officedocument.presentationml.tags+xml"/>
  <Override PartName="/ppt/tags/tag43.xml" ContentType="application/vnd.openxmlformats-officedocument.presentationml.tags+xml"/>
  <Override PartName="/ppt/tags/tag44.xml" ContentType="application/vnd.openxmlformats-officedocument.presentationml.tags+xml"/>
  <Override PartName="/ppt/notesSlides/notesSlide5.xml" ContentType="application/vnd.openxmlformats-officedocument.presentationml.notesSlide+xml"/>
  <Override PartName="/ppt/tags/tag45.xml" ContentType="application/vnd.openxmlformats-officedocument.presentationml.tags+xml"/>
  <Override PartName="/ppt/tags/tag46.xml" ContentType="application/vnd.openxmlformats-officedocument.presentationml.tags+xml"/>
  <Override PartName="/ppt/notesSlides/notesSlide6.xml" ContentType="application/vnd.openxmlformats-officedocument.presentationml.notesSlide+xml"/>
  <Override PartName="/ppt/tags/tag47.xml" ContentType="application/vnd.openxmlformats-officedocument.presentationml.tags+xml"/>
  <Override PartName="/ppt/notesSlides/notesSlide7.xml" ContentType="application/vnd.openxmlformats-officedocument.presentationml.notesSlide+xml"/>
  <Override PartName="/ppt/tags/tag48.xml" ContentType="application/vnd.openxmlformats-officedocument.presentationml.tags+xml"/>
  <Override PartName="/ppt/notesSlides/notesSlide8.xml" ContentType="application/vnd.openxmlformats-officedocument.presentationml.notesSlide+xml"/>
  <Override PartName="/ppt/tags/tag49.xml" ContentType="application/vnd.openxmlformats-officedocument.presentationml.tags+xml"/>
  <Override PartName="/ppt/notesSlides/notesSlide9.xml" ContentType="application/vnd.openxmlformats-officedocument.presentationml.notesSlide+xml"/>
  <Override PartName="/ppt/tags/tag50.xml" ContentType="application/vnd.openxmlformats-officedocument.presentationml.tags+xml"/>
  <Override PartName="/ppt/notesSlides/notesSlide10.xml" ContentType="application/vnd.openxmlformats-officedocument.presentationml.notesSlide+xml"/>
  <Override PartName="/ppt/tags/tag51.xml" ContentType="application/vnd.openxmlformats-officedocument.presentationml.tags+xml"/>
  <Override PartName="/ppt/notesSlides/notesSlide11.xml" ContentType="application/vnd.openxmlformats-officedocument.presentationml.notesSlide+xml"/>
  <Override PartName="/ppt/tags/tag52.xml" ContentType="application/vnd.openxmlformats-officedocument.presentationml.tags+xml"/>
  <Override PartName="/ppt/notesSlides/notesSlide12.xml" ContentType="application/vnd.openxmlformats-officedocument.presentationml.notesSlide+xml"/>
  <Override PartName="/ppt/tags/tag53.xml" ContentType="application/vnd.openxmlformats-officedocument.presentationml.tags+xml"/>
  <Override PartName="/ppt/notesSlides/notesSlide13.xml" ContentType="application/vnd.openxmlformats-officedocument.presentationml.notesSlide+xml"/>
  <Override PartName="/ppt/tags/tag54.xml" ContentType="application/vnd.openxmlformats-officedocument.presentationml.tags+xml"/>
  <Override PartName="/ppt/notesSlides/notesSlide14.xml" ContentType="application/vnd.openxmlformats-officedocument.presentationml.notesSlide+xml"/>
  <Override PartName="/ppt/tags/tag55.xml" ContentType="application/vnd.openxmlformats-officedocument.presentationml.tags+xml"/>
  <Override PartName="/ppt/notesSlides/notesSlide15.xml" ContentType="application/vnd.openxmlformats-officedocument.presentationml.notesSlide+xml"/>
  <Override PartName="/ppt/tags/tag56.xml" ContentType="application/vnd.openxmlformats-officedocument.presentationml.tags+xml"/>
  <Override PartName="/ppt/notesSlides/notesSlide16.xml" ContentType="application/vnd.openxmlformats-officedocument.presentationml.notesSlide+xml"/>
  <Override PartName="/ppt/tags/tag57.xml" ContentType="application/vnd.openxmlformats-officedocument.presentationml.tags+xml"/>
  <Override PartName="/ppt/notesSlides/notesSlide17.xml" ContentType="application/vnd.openxmlformats-officedocument.presentationml.notesSlide+xml"/>
  <Override PartName="/ppt/tags/tag58.xml" ContentType="application/vnd.openxmlformats-officedocument.presentationml.tags+xml"/>
  <Override PartName="/ppt/notesSlides/notesSlide18.xml" ContentType="application/vnd.openxmlformats-officedocument.presentationml.notesSlide+xml"/>
  <Override PartName="/ppt/tags/tag59.xml" ContentType="application/vnd.openxmlformats-officedocument.presentationml.tags+xml"/>
  <Override PartName="/ppt/notesSlides/notesSlide19.xml" ContentType="application/vnd.openxmlformats-officedocument.presentationml.notesSlide+xml"/>
  <Override PartName="/ppt/tags/tag60.xml" ContentType="application/vnd.openxmlformats-officedocument.presentationml.tags+xml"/>
  <Override PartName="/ppt/notesSlides/notesSlide20.xml" ContentType="application/vnd.openxmlformats-officedocument.presentationml.notesSlide+xml"/>
  <Override PartName="/ppt/tags/tag61.xml" ContentType="application/vnd.openxmlformats-officedocument.presentationml.tags+xml"/>
  <Override PartName="/ppt/notesSlides/notesSlide21.xml" ContentType="application/vnd.openxmlformats-officedocument.presentationml.notesSlide+xml"/>
  <Override PartName="/ppt/tags/tag62.xml" ContentType="application/vnd.openxmlformats-officedocument.presentationml.tags+xml"/>
  <Override PartName="/ppt/notesSlides/notesSlide22.xml" ContentType="application/vnd.openxmlformats-officedocument.presentationml.notesSlide+xml"/>
  <Override PartName="/ppt/tags/tag63.xml" ContentType="application/vnd.openxmlformats-officedocument.presentationml.tags+xml"/>
  <Override PartName="/ppt/notesSlides/notesSlide23.xml" ContentType="application/vnd.openxmlformats-officedocument.presentationml.notesSlide+xml"/>
  <Override PartName="/ppt/tags/tag64.xml" ContentType="application/vnd.openxmlformats-officedocument.presentationml.tags+xml"/>
  <Override PartName="/ppt/notesSlides/notesSlide24.xml" ContentType="application/vnd.openxmlformats-officedocument.presentationml.notesSlide+xml"/>
  <Override PartName="/ppt/tags/tag65.xml" ContentType="application/vnd.openxmlformats-officedocument.presentationml.tags+xml"/>
  <Override PartName="/ppt/notesSlides/notesSlide25.xml" ContentType="application/vnd.openxmlformats-officedocument.presentationml.notesSlide+xml"/>
  <Override PartName="/ppt/tags/tag66.xml" ContentType="application/vnd.openxmlformats-officedocument.presentationml.tags+xml"/>
  <Override PartName="/ppt/notesSlides/notesSlide26.xml" ContentType="application/vnd.openxmlformats-officedocument.presentationml.notesSlide+xml"/>
  <Override PartName="/ppt/tags/tag67.xml" ContentType="application/vnd.openxmlformats-officedocument.presentationml.tags+xml"/>
  <Override PartName="/ppt/notesSlides/notesSlide27.xml" ContentType="application/vnd.openxmlformats-officedocument.presentationml.notesSlide+xml"/>
  <Override PartName="/ppt/tags/tag68.xml" ContentType="application/vnd.openxmlformats-officedocument.presentationml.tags+xml"/>
  <Override PartName="/ppt/notesSlides/notesSlide28.xml" ContentType="application/vnd.openxmlformats-officedocument.presentationml.notesSlide+xml"/>
  <Override PartName="/ppt/tags/tag69.xml" ContentType="application/vnd.openxmlformats-officedocument.presentationml.tags+xml"/>
  <Override PartName="/ppt/notesSlides/notesSlide29.xml" ContentType="application/vnd.openxmlformats-officedocument.presentationml.notesSlide+xml"/>
  <Override PartName="/ppt/tags/tag70.xml" ContentType="application/vnd.openxmlformats-officedocument.presentationml.tags+xml"/>
  <Override PartName="/ppt/notesSlides/notesSlide30.xml" ContentType="application/vnd.openxmlformats-officedocument.presentationml.notesSlide+xml"/>
  <Override PartName="/ppt/tags/tag71.xml" ContentType="application/vnd.openxmlformats-officedocument.presentationml.tags+xml"/>
  <Override PartName="/ppt/notesSlides/notesSlide31.xml" ContentType="application/vnd.openxmlformats-officedocument.presentationml.notesSlide+xml"/>
  <Override PartName="/ppt/tags/tag72.xml" ContentType="application/vnd.openxmlformats-officedocument.presentationml.tags+xml"/>
  <Override PartName="/ppt/notesSlides/notesSlide32.xml" ContentType="application/vnd.openxmlformats-officedocument.presentationml.notesSlide+xml"/>
  <Override PartName="/ppt/tags/tag73.xml" ContentType="application/vnd.openxmlformats-officedocument.presentationml.tags+xml"/>
  <Override PartName="/ppt/notesSlides/notesSlide33.xml" ContentType="application/vnd.openxmlformats-officedocument.presentationml.notesSlide+xml"/>
  <Override PartName="/ppt/tags/tag74.xml" ContentType="application/vnd.openxmlformats-officedocument.presentationml.tags+xml"/>
  <Override PartName="/ppt/notesSlides/notesSlide34.xml" ContentType="application/vnd.openxmlformats-officedocument.presentationml.notesSlide+xml"/>
  <Override PartName="/ppt/tags/tag75.xml" ContentType="application/vnd.openxmlformats-officedocument.presentationml.tags+xml"/>
  <Override PartName="/ppt/notesSlides/notesSlide35.xml" ContentType="application/vnd.openxmlformats-officedocument.presentationml.notesSlide+xml"/>
  <Override PartName="/ppt/tags/tag76.xml" ContentType="application/vnd.openxmlformats-officedocument.presentationml.tags+xml"/>
  <Override PartName="/ppt/notesSlides/notesSlide36.xml" ContentType="application/vnd.openxmlformats-officedocument.presentationml.notesSlide+xml"/>
  <Override PartName="/ppt/tags/tag77.xml" ContentType="application/vnd.openxmlformats-officedocument.presentationml.tags+xml"/>
  <Override PartName="/ppt/notesSlides/notesSlide37.xml" ContentType="application/vnd.openxmlformats-officedocument.presentationml.notesSlide+xml"/>
  <Override PartName="/ppt/tags/tag78.xml" ContentType="application/vnd.openxmlformats-officedocument.presentationml.tags+xml"/>
  <Override PartName="/ppt/notesSlides/notesSlide38.xml" ContentType="application/vnd.openxmlformats-officedocument.presentationml.notesSlide+xml"/>
  <Override PartName="/ppt/tags/tag79.xml" ContentType="application/vnd.openxmlformats-officedocument.presentationml.tags+xml"/>
  <Override PartName="/ppt/notesSlides/notesSlide39.xml" ContentType="application/vnd.openxmlformats-officedocument.presentationml.notesSlide+xml"/>
  <Override PartName="/ppt/tags/tag80.xml" ContentType="application/vnd.openxmlformats-officedocument.presentationml.tags+xml"/>
  <Override PartName="/ppt/notesSlides/notesSlide4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1" r:id="rId2"/>
    <p:sldMasterId id="2147483673" r:id="rId3"/>
    <p:sldMasterId id="2147483677" r:id="rId4"/>
    <p:sldMasterId id="2147483689" r:id="rId5"/>
    <p:sldMasterId id="2147483701" r:id="rId6"/>
    <p:sldMasterId id="2147483713" r:id="rId7"/>
    <p:sldMasterId id="2147483726" r:id="rId8"/>
    <p:sldMasterId id="2147483739" r:id="rId9"/>
    <p:sldMasterId id="2147483765" r:id="rId10"/>
    <p:sldMasterId id="2147483778" r:id="rId11"/>
  </p:sldMasterIdLst>
  <p:notesMasterIdLst>
    <p:notesMasterId r:id="rId52"/>
  </p:notesMasterIdLst>
  <p:sldIdLst>
    <p:sldId id="256" r:id="rId12"/>
    <p:sldId id="261" r:id="rId13"/>
    <p:sldId id="259" r:id="rId14"/>
    <p:sldId id="260" r:id="rId15"/>
    <p:sldId id="264" r:id="rId16"/>
    <p:sldId id="265" r:id="rId17"/>
    <p:sldId id="262" r:id="rId18"/>
    <p:sldId id="263" r:id="rId19"/>
    <p:sldId id="267" r:id="rId20"/>
    <p:sldId id="291" r:id="rId21"/>
    <p:sldId id="292" r:id="rId22"/>
    <p:sldId id="266" r:id="rId23"/>
    <p:sldId id="268" r:id="rId24"/>
    <p:sldId id="269" r:id="rId25"/>
    <p:sldId id="270" r:id="rId26"/>
    <p:sldId id="271" r:id="rId27"/>
    <p:sldId id="272" r:id="rId28"/>
    <p:sldId id="273" r:id="rId29"/>
    <p:sldId id="274" r:id="rId30"/>
    <p:sldId id="290" r:id="rId31"/>
    <p:sldId id="275" r:id="rId32"/>
    <p:sldId id="276" r:id="rId33"/>
    <p:sldId id="298" r:id="rId34"/>
    <p:sldId id="277" r:id="rId35"/>
    <p:sldId id="279" r:id="rId36"/>
    <p:sldId id="280" r:id="rId37"/>
    <p:sldId id="282" r:id="rId38"/>
    <p:sldId id="289" r:id="rId39"/>
    <p:sldId id="293" r:id="rId40"/>
    <p:sldId id="283" r:id="rId41"/>
    <p:sldId id="285" r:id="rId42"/>
    <p:sldId id="286" r:id="rId43"/>
    <p:sldId id="284" r:id="rId44"/>
    <p:sldId id="287" r:id="rId45"/>
    <p:sldId id="288" r:id="rId46"/>
    <p:sldId id="294" r:id="rId47"/>
    <p:sldId id="257" r:id="rId48"/>
    <p:sldId id="296" r:id="rId49"/>
    <p:sldId id="295" r:id="rId50"/>
    <p:sldId id="391" r:id="rId51"/>
  </p:sldIdLst>
  <p:sldSz cx="12192000" cy="6858000"/>
  <p:notesSz cx="6858000" cy="9144000"/>
  <p:custDataLst>
    <p:tags r:id="rId53"/>
  </p:custDataLst>
  <p:defaultText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2929"/>
    <a:srgbClr val="38ABB9"/>
    <a:srgbClr val="67DCD9"/>
    <a:srgbClr val="FFCE54"/>
    <a:srgbClr val="2E75B6"/>
    <a:srgbClr val="49CFAE"/>
    <a:srgbClr val="A1D46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54" d="100"/>
          <a:sy n="54" d="100"/>
        </p:scale>
        <p:origin x="316" y="52"/>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2.xml"/><Relationship Id="rId18" Type="http://schemas.openxmlformats.org/officeDocument/2006/relationships/slide" Target="slides/slide7.xml"/><Relationship Id="rId26" Type="http://schemas.openxmlformats.org/officeDocument/2006/relationships/slide" Target="slides/slide15.xml"/><Relationship Id="rId39" Type="http://schemas.openxmlformats.org/officeDocument/2006/relationships/slide" Target="slides/slide28.xml"/><Relationship Id="rId21" Type="http://schemas.openxmlformats.org/officeDocument/2006/relationships/slide" Target="slides/slide10.xml"/><Relationship Id="rId34" Type="http://schemas.openxmlformats.org/officeDocument/2006/relationships/slide" Target="slides/slide23.xml"/><Relationship Id="rId42" Type="http://schemas.openxmlformats.org/officeDocument/2006/relationships/slide" Target="slides/slide31.xml"/><Relationship Id="rId47" Type="http://schemas.openxmlformats.org/officeDocument/2006/relationships/slide" Target="slides/slide36.xml"/><Relationship Id="rId50" Type="http://schemas.openxmlformats.org/officeDocument/2006/relationships/slide" Target="slides/slide39.xml"/><Relationship Id="rId55" Type="http://schemas.openxmlformats.org/officeDocument/2006/relationships/viewProps" Target="viewProps.xml"/><Relationship Id="rId7" Type="http://schemas.openxmlformats.org/officeDocument/2006/relationships/slideMaster" Target="slideMasters/slideMaster7.xml"/><Relationship Id="rId2" Type="http://schemas.openxmlformats.org/officeDocument/2006/relationships/slideMaster" Target="slideMasters/slideMaster2.xml"/><Relationship Id="rId16" Type="http://schemas.openxmlformats.org/officeDocument/2006/relationships/slide" Target="slides/slide5.xml"/><Relationship Id="rId29" Type="http://schemas.openxmlformats.org/officeDocument/2006/relationships/slide" Target="slides/slide18.xml"/><Relationship Id="rId11" Type="http://schemas.openxmlformats.org/officeDocument/2006/relationships/slideMaster" Target="slideMasters/slideMaster11.xml"/><Relationship Id="rId24" Type="http://schemas.openxmlformats.org/officeDocument/2006/relationships/slide" Target="slides/slide13.xml"/><Relationship Id="rId32" Type="http://schemas.openxmlformats.org/officeDocument/2006/relationships/slide" Target="slides/slide21.xml"/><Relationship Id="rId37" Type="http://schemas.openxmlformats.org/officeDocument/2006/relationships/slide" Target="slides/slide26.xml"/><Relationship Id="rId40" Type="http://schemas.openxmlformats.org/officeDocument/2006/relationships/slide" Target="slides/slide29.xml"/><Relationship Id="rId45" Type="http://schemas.openxmlformats.org/officeDocument/2006/relationships/slide" Target="slides/slide34.xml"/><Relationship Id="rId53" Type="http://schemas.openxmlformats.org/officeDocument/2006/relationships/tags" Target="tags/tag1.xml"/><Relationship Id="rId5" Type="http://schemas.openxmlformats.org/officeDocument/2006/relationships/slideMaster" Target="slideMasters/slideMaster5.xml"/><Relationship Id="rId19" Type="http://schemas.openxmlformats.org/officeDocument/2006/relationships/slide" Target="slides/slide8.xml"/><Relationship Id="rId4" Type="http://schemas.openxmlformats.org/officeDocument/2006/relationships/slideMaster" Target="slideMasters/slideMaster4.xml"/><Relationship Id="rId9" Type="http://schemas.openxmlformats.org/officeDocument/2006/relationships/slideMaster" Target="slideMasters/slideMaster9.xml"/><Relationship Id="rId14" Type="http://schemas.openxmlformats.org/officeDocument/2006/relationships/slide" Target="slides/slide3.xml"/><Relationship Id="rId22" Type="http://schemas.openxmlformats.org/officeDocument/2006/relationships/slide" Target="slides/slide11.xml"/><Relationship Id="rId27" Type="http://schemas.openxmlformats.org/officeDocument/2006/relationships/slide" Target="slides/slide16.xml"/><Relationship Id="rId30" Type="http://schemas.openxmlformats.org/officeDocument/2006/relationships/slide" Target="slides/slide19.xml"/><Relationship Id="rId35" Type="http://schemas.openxmlformats.org/officeDocument/2006/relationships/slide" Target="slides/slide24.xml"/><Relationship Id="rId43" Type="http://schemas.openxmlformats.org/officeDocument/2006/relationships/slide" Target="slides/slide32.xml"/><Relationship Id="rId48" Type="http://schemas.openxmlformats.org/officeDocument/2006/relationships/slide" Target="slides/slide37.xml"/><Relationship Id="rId56" Type="http://schemas.openxmlformats.org/officeDocument/2006/relationships/theme" Target="theme/theme1.xml"/><Relationship Id="rId8" Type="http://schemas.openxmlformats.org/officeDocument/2006/relationships/slideMaster" Target="slideMasters/slideMaster8.xml"/><Relationship Id="rId51" Type="http://schemas.openxmlformats.org/officeDocument/2006/relationships/slide" Target="slides/slide40.xml"/><Relationship Id="rId3" Type="http://schemas.openxmlformats.org/officeDocument/2006/relationships/slideMaster" Target="slideMasters/slideMaster3.xml"/><Relationship Id="rId12" Type="http://schemas.openxmlformats.org/officeDocument/2006/relationships/slide" Target="slides/slide1.xml"/><Relationship Id="rId17" Type="http://schemas.openxmlformats.org/officeDocument/2006/relationships/slide" Target="slides/slide6.xml"/><Relationship Id="rId25" Type="http://schemas.openxmlformats.org/officeDocument/2006/relationships/slide" Target="slides/slide14.xml"/><Relationship Id="rId33" Type="http://schemas.openxmlformats.org/officeDocument/2006/relationships/slide" Target="slides/slide22.xml"/><Relationship Id="rId38" Type="http://schemas.openxmlformats.org/officeDocument/2006/relationships/slide" Target="slides/slide27.xml"/><Relationship Id="rId46" Type="http://schemas.openxmlformats.org/officeDocument/2006/relationships/slide" Target="slides/slide35.xml"/><Relationship Id="rId20" Type="http://schemas.openxmlformats.org/officeDocument/2006/relationships/slide" Target="slides/slide9.xml"/><Relationship Id="rId41" Type="http://schemas.openxmlformats.org/officeDocument/2006/relationships/slide" Target="slides/slide30.xml"/><Relationship Id="rId54"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Master" Target="slideMasters/slideMaster6.xml"/><Relationship Id="rId15" Type="http://schemas.openxmlformats.org/officeDocument/2006/relationships/slide" Target="slides/slide4.xml"/><Relationship Id="rId23" Type="http://schemas.openxmlformats.org/officeDocument/2006/relationships/slide" Target="slides/slide12.xml"/><Relationship Id="rId28" Type="http://schemas.openxmlformats.org/officeDocument/2006/relationships/slide" Target="slides/slide17.xml"/><Relationship Id="rId36" Type="http://schemas.openxmlformats.org/officeDocument/2006/relationships/slide" Target="slides/slide25.xml"/><Relationship Id="rId49" Type="http://schemas.openxmlformats.org/officeDocument/2006/relationships/slide" Target="slides/slide38.xml"/><Relationship Id="rId57" Type="http://schemas.openxmlformats.org/officeDocument/2006/relationships/tableStyles" Target="tableStyles.xml"/><Relationship Id="rId10" Type="http://schemas.openxmlformats.org/officeDocument/2006/relationships/slideMaster" Target="slideMasters/slideMaster10.xml"/><Relationship Id="rId31" Type="http://schemas.openxmlformats.org/officeDocument/2006/relationships/slide" Target="slides/slide20.xml"/><Relationship Id="rId44" Type="http://schemas.openxmlformats.org/officeDocument/2006/relationships/slide" Target="slides/slide33.xml"/><Relationship Id="rId52" Type="http://schemas.openxmlformats.org/officeDocument/2006/relationships/notesMaster" Target="notesMasters/notesMaster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7A47FEE0-1C41-4929-A560-D0986415CE3B}" type="datetimeFigureOut">
              <a:rPr lang="tr-TR" smtClean="0"/>
              <a:t>8.09.2024</a:t>
            </a:fld>
            <a:endParaRPr lang="tr-TR"/>
          </a:p>
        </p:txBody>
      </p:sp>
      <p:sp>
        <p:nvSpPr>
          <p:cNvPr id="4" name="Slayt Görüntüsü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6" name="Alt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FA7C785-ECD4-48EB-9A8C-798ADED6CA68}" type="slidenum">
              <a:rPr lang="tr-TR" smtClean="0"/>
              <a:t>‹#›</a:t>
            </a:fld>
            <a:endParaRPr lang="tr-TR"/>
          </a:p>
        </p:txBody>
      </p:sp>
    </p:spTree>
    <p:extLst>
      <p:ext uri="{BB962C8B-B14F-4D97-AF65-F5344CB8AC3E}">
        <p14:creationId xmlns:p14="http://schemas.microsoft.com/office/powerpoint/2010/main" val="420729398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1</a:t>
            </a:fld>
            <a:endParaRPr lang="tr-TR"/>
          </a:p>
        </p:txBody>
      </p:sp>
    </p:spTree>
    <p:extLst>
      <p:ext uri="{BB962C8B-B14F-4D97-AF65-F5344CB8AC3E}">
        <p14:creationId xmlns:p14="http://schemas.microsoft.com/office/powerpoint/2010/main" val="77454041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0</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4038520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CD12DCC-FDAB-4FDF-B2CD-1E44168687C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1</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924486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12</a:t>
            </a:fld>
            <a:endParaRPr lang="tr-TR"/>
          </a:p>
        </p:txBody>
      </p:sp>
    </p:spTree>
    <p:extLst>
      <p:ext uri="{BB962C8B-B14F-4D97-AF65-F5344CB8AC3E}">
        <p14:creationId xmlns:p14="http://schemas.microsoft.com/office/powerpoint/2010/main" val="254661671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13</a:t>
            </a:fld>
            <a:endParaRPr lang="tr-TR"/>
          </a:p>
        </p:txBody>
      </p:sp>
    </p:spTree>
    <p:extLst>
      <p:ext uri="{BB962C8B-B14F-4D97-AF65-F5344CB8AC3E}">
        <p14:creationId xmlns:p14="http://schemas.microsoft.com/office/powerpoint/2010/main" val="364234627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14</a:t>
            </a:fld>
            <a:endParaRPr lang="tr-TR"/>
          </a:p>
        </p:txBody>
      </p:sp>
    </p:spTree>
    <p:extLst>
      <p:ext uri="{BB962C8B-B14F-4D97-AF65-F5344CB8AC3E}">
        <p14:creationId xmlns:p14="http://schemas.microsoft.com/office/powerpoint/2010/main" val="165426195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15</a:t>
            </a:fld>
            <a:endParaRPr lang="tr-TR"/>
          </a:p>
        </p:txBody>
      </p:sp>
    </p:spTree>
    <p:extLst>
      <p:ext uri="{BB962C8B-B14F-4D97-AF65-F5344CB8AC3E}">
        <p14:creationId xmlns:p14="http://schemas.microsoft.com/office/powerpoint/2010/main" val="1545860599"/>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16</a:t>
            </a:fld>
            <a:endParaRPr lang="tr-TR"/>
          </a:p>
        </p:txBody>
      </p:sp>
    </p:spTree>
    <p:extLst>
      <p:ext uri="{BB962C8B-B14F-4D97-AF65-F5344CB8AC3E}">
        <p14:creationId xmlns:p14="http://schemas.microsoft.com/office/powerpoint/2010/main" val="854443984"/>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17</a:t>
            </a:fld>
            <a:endParaRPr lang="tr-TR"/>
          </a:p>
        </p:txBody>
      </p:sp>
    </p:spTree>
    <p:extLst>
      <p:ext uri="{BB962C8B-B14F-4D97-AF65-F5344CB8AC3E}">
        <p14:creationId xmlns:p14="http://schemas.microsoft.com/office/powerpoint/2010/main" val="2577251752"/>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18</a:t>
            </a:fld>
            <a:endParaRPr lang="tr-TR"/>
          </a:p>
        </p:txBody>
      </p:sp>
    </p:spTree>
    <p:extLst>
      <p:ext uri="{BB962C8B-B14F-4D97-AF65-F5344CB8AC3E}">
        <p14:creationId xmlns:p14="http://schemas.microsoft.com/office/powerpoint/2010/main" val="62109415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19</a:t>
            </a:fld>
            <a:endParaRPr lang="tr-TR"/>
          </a:p>
        </p:txBody>
      </p:sp>
    </p:spTree>
    <p:extLst>
      <p:ext uri="{BB962C8B-B14F-4D97-AF65-F5344CB8AC3E}">
        <p14:creationId xmlns:p14="http://schemas.microsoft.com/office/powerpoint/2010/main" val="1715017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2</a:t>
            </a:fld>
            <a:endParaRPr lang="tr-TR"/>
          </a:p>
        </p:txBody>
      </p:sp>
    </p:spTree>
    <p:extLst>
      <p:ext uri="{BB962C8B-B14F-4D97-AF65-F5344CB8AC3E}">
        <p14:creationId xmlns:p14="http://schemas.microsoft.com/office/powerpoint/2010/main" val="84977259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0</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61129374"/>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21</a:t>
            </a:fld>
            <a:endParaRPr lang="tr-TR"/>
          </a:p>
        </p:txBody>
      </p:sp>
    </p:spTree>
    <p:extLst>
      <p:ext uri="{BB962C8B-B14F-4D97-AF65-F5344CB8AC3E}">
        <p14:creationId xmlns:p14="http://schemas.microsoft.com/office/powerpoint/2010/main" val="46119258"/>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22</a:t>
            </a:fld>
            <a:endParaRPr lang="tr-TR"/>
          </a:p>
        </p:txBody>
      </p:sp>
    </p:spTree>
    <p:extLst>
      <p:ext uri="{BB962C8B-B14F-4D97-AF65-F5344CB8AC3E}">
        <p14:creationId xmlns:p14="http://schemas.microsoft.com/office/powerpoint/2010/main" val="682173884"/>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C814CB7-40F2-472A-9214-CEDF49A3A92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3</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42592514"/>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24</a:t>
            </a:fld>
            <a:endParaRPr lang="tr-TR"/>
          </a:p>
        </p:txBody>
      </p:sp>
    </p:spTree>
    <p:extLst>
      <p:ext uri="{BB962C8B-B14F-4D97-AF65-F5344CB8AC3E}">
        <p14:creationId xmlns:p14="http://schemas.microsoft.com/office/powerpoint/2010/main" val="283741679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fld id="{9FA7C785-ECD4-48EB-9A8C-798ADED6CA68}" type="slidenum">
              <a:rPr lang="tr-TR" smtClean="0"/>
              <a:t>25</a:t>
            </a:fld>
            <a:endParaRPr lang="tr-TR"/>
          </a:p>
        </p:txBody>
      </p:sp>
    </p:spTree>
    <p:extLst>
      <p:ext uri="{BB962C8B-B14F-4D97-AF65-F5344CB8AC3E}">
        <p14:creationId xmlns:p14="http://schemas.microsoft.com/office/powerpoint/2010/main" val="1854498624"/>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26</a:t>
            </a:fld>
            <a:endParaRPr lang="tr-TR"/>
          </a:p>
        </p:txBody>
      </p:sp>
    </p:spTree>
    <p:extLst>
      <p:ext uri="{BB962C8B-B14F-4D97-AF65-F5344CB8AC3E}">
        <p14:creationId xmlns:p14="http://schemas.microsoft.com/office/powerpoint/2010/main" val="3029197334"/>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27</a:t>
            </a:fld>
            <a:endParaRPr lang="tr-TR"/>
          </a:p>
        </p:txBody>
      </p:sp>
    </p:spTree>
    <p:extLst>
      <p:ext uri="{BB962C8B-B14F-4D97-AF65-F5344CB8AC3E}">
        <p14:creationId xmlns:p14="http://schemas.microsoft.com/office/powerpoint/2010/main" val="371537258"/>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8</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35264372"/>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CD12DCC-FDAB-4FDF-B2CD-1E44168687C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9</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2868097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3</a:t>
            </a:fld>
            <a:endParaRPr lang="tr-TR"/>
          </a:p>
        </p:txBody>
      </p:sp>
    </p:spTree>
    <p:extLst>
      <p:ext uri="{BB962C8B-B14F-4D97-AF65-F5344CB8AC3E}">
        <p14:creationId xmlns:p14="http://schemas.microsoft.com/office/powerpoint/2010/main" val="1094585740"/>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30</a:t>
            </a:fld>
            <a:endParaRPr lang="tr-TR"/>
          </a:p>
        </p:txBody>
      </p:sp>
    </p:spTree>
    <p:extLst>
      <p:ext uri="{BB962C8B-B14F-4D97-AF65-F5344CB8AC3E}">
        <p14:creationId xmlns:p14="http://schemas.microsoft.com/office/powerpoint/2010/main" val="3698242147"/>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31</a:t>
            </a:fld>
            <a:endParaRPr lang="tr-TR"/>
          </a:p>
        </p:txBody>
      </p:sp>
    </p:spTree>
    <p:extLst>
      <p:ext uri="{BB962C8B-B14F-4D97-AF65-F5344CB8AC3E}">
        <p14:creationId xmlns:p14="http://schemas.microsoft.com/office/powerpoint/2010/main" val="201060533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32</a:t>
            </a:fld>
            <a:endParaRPr lang="tr-TR"/>
          </a:p>
        </p:txBody>
      </p:sp>
    </p:spTree>
    <p:extLst>
      <p:ext uri="{BB962C8B-B14F-4D97-AF65-F5344CB8AC3E}">
        <p14:creationId xmlns:p14="http://schemas.microsoft.com/office/powerpoint/2010/main" val="1954405526"/>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33</a:t>
            </a:fld>
            <a:endParaRPr lang="tr-TR"/>
          </a:p>
        </p:txBody>
      </p:sp>
    </p:spTree>
    <p:extLst>
      <p:ext uri="{BB962C8B-B14F-4D97-AF65-F5344CB8AC3E}">
        <p14:creationId xmlns:p14="http://schemas.microsoft.com/office/powerpoint/2010/main" val="359253224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34</a:t>
            </a:fld>
            <a:endParaRPr lang="tr-TR"/>
          </a:p>
        </p:txBody>
      </p:sp>
    </p:spTree>
    <p:extLst>
      <p:ext uri="{BB962C8B-B14F-4D97-AF65-F5344CB8AC3E}">
        <p14:creationId xmlns:p14="http://schemas.microsoft.com/office/powerpoint/2010/main" val="944861777"/>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35</a:t>
            </a:fld>
            <a:endParaRPr lang="tr-TR"/>
          </a:p>
        </p:txBody>
      </p:sp>
    </p:spTree>
    <p:extLst>
      <p:ext uri="{BB962C8B-B14F-4D97-AF65-F5344CB8AC3E}">
        <p14:creationId xmlns:p14="http://schemas.microsoft.com/office/powerpoint/2010/main" val="1529343789"/>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CD12DCC-FDAB-4FDF-B2CD-1E44168687C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6</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4046716"/>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01CF868-8561-4F35-B720-B3411C10D421}"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7</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2849095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8</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18940489"/>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9</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9777885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4</a:t>
            </a:fld>
            <a:endParaRPr lang="tr-TR"/>
          </a:p>
        </p:txBody>
      </p:sp>
    </p:spTree>
    <p:extLst>
      <p:ext uri="{BB962C8B-B14F-4D97-AF65-F5344CB8AC3E}">
        <p14:creationId xmlns:p14="http://schemas.microsoft.com/office/powerpoint/2010/main" val="2600438219"/>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0</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5</a:t>
            </a:fld>
            <a:endParaRPr lang="tr-TR"/>
          </a:p>
        </p:txBody>
      </p:sp>
    </p:spTree>
    <p:extLst>
      <p:ext uri="{BB962C8B-B14F-4D97-AF65-F5344CB8AC3E}">
        <p14:creationId xmlns:p14="http://schemas.microsoft.com/office/powerpoint/2010/main" val="295381838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6</a:t>
            </a:fld>
            <a:endParaRPr lang="tr-TR"/>
          </a:p>
        </p:txBody>
      </p:sp>
    </p:spTree>
    <p:extLst>
      <p:ext uri="{BB962C8B-B14F-4D97-AF65-F5344CB8AC3E}">
        <p14:creationId xmlns:p14="http://schemas.microsoft.com/office/powerpoint/2010/main" val="329221870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7</a:t>
            </a:fld>
            <a:endParaRPr lang="tr-TR"/>
          </a:p>
        </p:txBody>
      </p:sp>
    </p:spTree>
    <p:extLst>
      <p:ext uri="{BB962C8B-B14F-4D97-AF65-F5344CB8AC3E}">
        <p14:creationId xmlns:p14="http://schemas.microsoft.com/office/powerpoint/2010/main" val="380207908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9FA7C785-ECD4-48EB-9A8C-798ADED6CA68}" type="slidenum">
              <a:rPr lang="tr-TR" smtClean="0"/>
              <a:t>8</a:t>
            </a:fld>
            <a:endParaRPr lang="tr-TR"/>
          </a:p>
        </p:txBody>
      </p:sp>
    </p:spTree>
    <p:extLst>
      <p:ext uri="{BB962C8B-B14F-4D97-AF65-F5344CB8AC3E}">
        <p14:creationId xmlns:p14="http://schemas.microsoft.com/office/powerpoint/2010/main" val="69494793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5DF69B0E-AC80-41B1-8E48-78D8612F6BDE}"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7410285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1.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2.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3.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4.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5.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6.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7.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8.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18.xml"/></Relationships>
</file>

<file path=ppt/slideLayouts/_rels/slideLayout109.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19.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0.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0.xml"/></Relationships>
</file>

<file path=ppt/slideLayouts/_rels/slideLayout111.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1.xml"/></Relationships>
</file>

<file path=ppt/slideLayouts/_rels/slideLayout112.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2.xml"/></Relationships>
</file>

<file path=ppt/slideLayouts/_rels/slideLayout113.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3.xml"/></Relationships>
</file>

<file path=ppt/slideLayouts/_rels/slideLayout114.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4.xml"/></Relationships>
</file>

<file path=ppt/slideLayouts/_rels/slideLayout115.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5.xml"/></Relationships>
</file>

<file path=ppt/slideLayouts/_rels/slideLayout116.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6.xml"/></Relationships>
</file>

<file path=ppt/slideLayouts/_rels/slideLayout117.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7.xml"/></Relationships>
</file>

<file path=ppt/slideLayouts/_rels/slideLayout118.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8.xml"/></Relationships>
</file>

<file path=ppt/slideLayouts/_rels/slideLayout119.xml.rels><?xml version="1.0" encoding="UTF-8" standalone="yes"?>
<Relationships xmlns="http://schemas.openxmlformats.org/package/2006/relationships"><Relationship Id="rId2" Type="http://schemas.openxmlformats.org/officeDocument/2006/relationships/slideMaster" Target="../slideMasters/slideMaster11.xml"/><Relationship Id="rId1" Type="http://schemas.openxmlformats.org/officeDocument/2006/relationships/tags" Target="../tags/tag29.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9.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1.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7.xml"/></Relationships>
</file>

<file path=ppt/slideLayouts/_rels/slideLayout7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4.xml.rels><?xml version="1.0" encoding="UTF-8" standalone="yes"?>
<Relationships xmlns="http://schemas.openxmlformats.org/package/2006/relationships"><Relationship Id="rId3" Type="http://schemas.openxmlformats.org/officeDocument/2006/relationships/tags" Target="../tags/tag9.xml"/><Relationship Id="rId2" Type="http://schemas.openxmlformats.org/officeDocument/2006/relationships/tags" Target="../tags/tag8.xml"/><Relationship Id="rId1" Type="http://schemas.openxmlformats.org/officeDocument/2006/relationships/tags" Target="../tags/tag7.xml"/><Relationship Id="rId6" Type="http://schemas.openxmlformats.org/officeDocument/2006/relationships/slideMaster" Target="../slideMasters/slideMaster9.xml"/><Relationship Id="rId5" Type="http://schemas.openxmlformats.org/officeDocument/2006/relationships/tags" Target="../tags/tag11.xml"/><Relationship Id="rId4" Type="http://schemas.openxmlformats.org/officeDocument/2006/relationships/tags" Target="../tags/tag10.xml"/></Relationships>
</file>

<file path=ppt/slideLayouts/_rels/slideLayout85.xml.rels><?xml version="1.0" encoding="UTF-8" standalone="yes"?>
<Relationships xmlns="http://schemas.openxmlformats.org/package/2006/relationships"><Relationship Id="rId3" Type="http://schemas.openxmlformats.org/officeDocument/2006/relationships/tags" Target="../tags/tag14.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slideMaster" Target="../slideMasters/slideMaster9.xml"/><Relationship Id="rId5" Type="http://schemas.openxmlformats.org/officeDocument/2006/relationships/tags" Target="../tags/tag16.xml"/><Relationship Id="rId4" Type="http://schemas.openxmlformats.org/officeDocument/2006/relationships/tags" Target="../tags/tag15.xml"/></Relationships>
</file>

<file path=ppt/slideLayouts/_rels/slideLayout86.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87.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88.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89.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1.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2.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3.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4.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5.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6.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97.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98.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99.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fld id="{3CBB3C27-2177-4D32-9CC6-B00AA9C47D02}"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51469376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3CBB3C27-2177-4D32-9CC6-B00AA9C47D02}"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1255021320"/>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B245121-8B16-46FB-AB78-D40F83CBF96D}"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07426425"/>
      </p:ext>
    </p:extLst>
  </p:cSld>
  <p:clrMapOvr>
    <a:masterClrMapping/>
  </p:clrMapOvr>
</p:sldLayout>
</file>

<file path=ppt/slideLayouts/slideLayout101.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04D21E65-20EB-464C-BDF4-42C25BFB73DD}"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61053380"/>
      </p:ext>
    </p:extLst>
  </p:cSld>
  <p:clrMapOvr>
    <a:masterClrMapping/>
  </p:clrMapOvr>
</p:sldLayout>
</file>

<file path=ppt/slideLayouts/slideLayout102.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6314799-51F7-4FEF-8064-AD701F101A24}"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0298032"/>
      </p:ext>
    </p:extLst>
  </p:cSld>
  <p:clrMapOvr>
    <a:masterClrMapping/>
  </p:clrMapOvr>
</p:sldLayout>
</file>

<file path=ppt/slideLayouts/slideLayout103.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0C3103A-B8C2-45DF-9C3F-278F5EA5636C}"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55374756"/>
      </p:ext>
    </p:extLst>
  </p:cSld>
  <p:clrMapOvr>
    <a:masterClrMapping/>
  </p:clrMapOvr>
</p:sldLayout>
</file>

<file path=ppt/slideLayouts/slideLayout104.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0B75F768-2E9A-4A98-ABCF-F797DF280E5A}"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32028865"/>
      </p:ext>
    </p:extLst>
  </p:cSld>
  <p:clrMapOvr>
    <a:masterClrMapping/>
  </p:clrMapOvr>
</p:sldLayout>
</file>

<file path=ppt/slideLayouts/slideLayout105.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D921CA3C-8886-4152-BC03-3DB86A80EAC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05778633"/>
      </p:ext>
    </p:extLst>
  </p:cSld>
  <p:clrMapOvr>
    <a:masterClrMapping/>
  </p:clrMapOvr>
</p:sldLayout>
</file>

<file path=ppt/slideLayouts/slideLayout106.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02EC1E6-50B0-43DB-9FF4-C63643D9212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17532043"/>
      </p:ext>
    </p:extLst>
  </p:cSld>
  <p:clrMapOvr>
    <a:masterClrMapping/>
  </p:clrMapOvr>
</p:sldLayout>
</file>

<file path=ppt/slideLayouts/slideLayout107.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31356881"/>
      </p:ext>
    </p:extLst>
  </p:cSld>
  <p:clrMapOvr>
    <a:masterClrMapping/>
  </p:clrMapOvr>
</p:sldLayout>
</file>

<file path=ppt/slideLayouts/slideLayout108.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1524000" y="1122363"/>
            <a:ext cx="9144000" cy="2387600"/>
          </a:xfrm>
        </p:spPr>
        <p:txBody>
          <a:bodyPr anchor="b"/>
          <a:lstStyle>
            <a:lvl1pPr algn="ctr">
              <a:defRPr sz="6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014651753"/>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9.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072391548"/>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3CBB3C27-2177-4D32-9CC6-B00AA9C47D02}"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1371245051"/>
      </p:ext>
    </p:extLst>
  </p:cSld>
  <p:clrMapOvr>
    <a:masterClrMapping/>
  </p:clrMapOvr>
</p:sldLayout>
</file>

<file path=ppt/slideLayouts/slideLayout110.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831850" y="1709738"/>
            <a:ext cx="10515600" cy="2852737"/>
          </a:xfrm>
        </p:spPr>
        <p:txBody>
          <a:bodyPr anchor="b"/>
          <a:lstStyle>
            <a:lvl1pPr>
              <a:defRPr sz="6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831850" y="4589463"/>
            <a:ext cx="10515600" cy="1500187"/>
          </a:xfrm>
        </p:spPr>
        <p:txBody>
          <a:bodyPr/>
          <a:lstStyle>
            <a:lvl1pPr marL="0" indent="0">
              <a:buNone/>
              <a:defRPr sz="2400">
                <a:solidFill>
                  <a:schemeClr val="tx1">
                    <a:tint val="82000"/>
                  </a:schemeClr>
                </a:solidFill>
              </a:defRPr>
            </a:lvl1pPr>
            <a:lvl2pPr marL="457200" indent="0">
              <a:buNone/>
              <a:defRPr sz="2000">
                <a:solidFill>
                  <a:schemeClr val="tx1">
                    <a:tint val="82000"/>
                  </a:schemeClr>
                </a:solidFill>
              </a:defRPr>
            </a:lvl2pPr>
            <a:lvl3pPr marL="914400" indent="0">
              <a:buNone/>
              <a:defRPr sz="1800">
                <a:solidFill>
                  <a:schemeClr val="tx1">
                    <a:tint val="82000"/>
                  </a:schemeClr>
                </a:solidFill>
              </a:defRPr>
            </a:lvl3pPr>
            <a:lvl4pPr marL="1371600" indent="0">
              <a:buNone/>
              <a:defRPr sz="1600">
                <a:solidFill>
                  <a:schemeClr val="tx1">
                    <a:tint val="82000"/>
                  </a:schemeClr>
                </a:solidFill>
              </a:defRPr>
            </a:lvl4pPr>
            <a:lvl5pPr marL="1828800" indent="0">
              <a:buNone/>
              <a:defRPr sz="1600">
                <a:solidFill>
                  <a:schemeClr val="tx1">
                    <a:tint val="82000"/>
                  </a:schemeClr>
                </a:solidFill>
              </a:defRPr>
            </a:lvl5pPr>
            <a:lvl6pPr marL="2286000" indent="0">
              <a:buNone/>
              <a:defRPr sz="1600">
                <a:solidFill>
                  <a:schemeClr val="tx1">
                    <a:tint val="82000"/>
                  </a:schemeClr>
                </a:solidFill>
              </a:defRPr>
            </a:lvl6pPr>
            <a:lvl7pPr marL="2743200" indent="0">
              <a:buNone/>
              <a:defRPr sz="1600">
                <a:solidFill>
                  <a:schemeClr val="tx1">
                    <a:tint val="82000"/>
                  </a:schemeClr>
                </a:solidFill>
              </a:defRPr>
            </a:lvl7pPr>
            <a:lvl8pPr marL="3200400" indent="0">
              <a:buNone/>
              <a:defRPr sz="1600">
                <a:solidFill>
                  <a:schemeClr val="tx1">
                    <a:tint val="82000"/>
                  </a:schemeClr>
                </a:solidFill>
              </a:defRPr>
            </a:lvl8pPr>
            <a:lvl9pPr marL="3657600" indent="0">
              <a:buNone/>
              <a:defRPr sz="16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013124147"/>
      </p:ext>
    </p:extLst>
  </p:cSld>
  <p:clrMapOvr>
    <a:masterClrMapping/>
  </p:clrMapOvr>
</p:sldLayout>
</file>

<file path=ppt/slideLayouts/slideLayout111.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838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6172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494878239"/>
      </p:ext>
    </p:extLst>
  </p:cSld>
  <p:clrMapOvr>
    <a:masterClrMapping/>
  </p:clrMapOvr>
</p:sldLayout>
</file>

<file path=ppt/slideLayouts/slideLayout112.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839788" y="365125"/>
            <a:ext cx="10515600" cy="1325563"/>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839788" y="2505075"/>
            <a:ext cx="5157787"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6172200" y="2505075"/>
            <a:ext cx="5183188"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131605534"/>
      </p:ext>
    </p:extLst>
  </p:cSld>
  <p:clrMapOvr>
    <a:masterClrMapping/>
  </p:clrMapOvr>
</p:sldLayout>
</file>

<file path=ppt/slideLayouts/slideLayout113.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350910323"/>
      </p:ext>
    </p:extLst>
  </p:cSld>
  <p:clrMapOvr>
    <a:masterClrMapping/>
  </p:clrMapOvr>
</p:sldLayout>
</file>

<file path=ppt/slideLayouts/slideLayout114.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165120576"/>
      </p:ext>
    </p:extLst>
  </p:cSld>
  <p:clrMapOvr>
    <a:masterClrMapping/>
  </p:clrMapOvr>
</p:sldLayout>
</file>

<file path=ppt/slideLayouts/slideLayout115.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557728708"/>
      </p:ext>
    </p:extLst>
  </p:cSld>
  <p:clrMapOvr>
    <a:masterClrMapping/>
  </p:clrMapOvr>
</p:sldLayout>
</file>

<file path=ppt/slideLayouts/slideLayout116.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301447501"/>
      </p:ext>
    </p:extLst>
  </p:cSld>
  <p:clrMapOvr>
    <a:masterClrMapping/>
  </p:clrMapOvr>
</p:sldLayout>
</file>

<file path=ppt/slideLayouts/slideLayout117.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432288322"/>
      </p:ext>
    </p:extLst>
  </p:cSld>
  <p:clrMapOvr>
    <a:masterClrMapping/>
  </p:clrMapOvr>
</p:sldLayout>
</file>

<file path=ppt/slideLayouts/slideLayout118.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8724900" y="365125"/>
            <a:ext cx="2628900" cy="5811838"/>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838200" y="365125"/>
            <a:ext cx="7734300" cy="5811838"/>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61646372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9.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96880343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8817544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12661286"/>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54533398"/>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255988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1979800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84185650"/>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3435634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89926017"/>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3CBB3C27-2177-4D32-9CC6-B00AA9C47D02}"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2934341070"/>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13471325"/>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8675837"/>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44245714"/>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40113345"/>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Templateswise.com - Question Mark Diagram">
    <p:spTree>
      <p:nvGrpSpPr>
        <p:cNvPr id="1" name=""/>
        <p:cNvGrpSpPr/>
        <p:nvPr/>
      </p:nvGrpSpPr>
      <p:grpSpPr>
        <a:xfrm>
          <a:off x="0" y="0"/>
          <a:ext cx="0" cy="0"/>
          <a:chOff x="0" y="0"/>
          <a:chExt cx="0" cy="0"/>
        </a:xfrm>
      </p:grpSpPr>
      <p:sp>
        <p:nvSpPr>
          <p:cNvPr id="2" name="Title 1"/>
          <p:cNvSpPr>
            <a:spLocks noGrp="1"/>
          </p:cNvSpPr>
          <p:nvPr>
            <p:ph type="title" hasCustomPrompt="1"/>
          </p:nvPr>
        </p:nvSpPr>
        <p:spPr/>
        <p:txBody>
          <a:bodyPr/>
          <a:lstStyle>
            <a:lvl1pPr>
              <a:defRPr baseline="0">
                <a:solidFill>
                  <a:schemeClr val="tx2"/>
                </a:solidFill>
              </a:defRPr>
            </a:lvl1pPr>
          </a:lstStyle>
          <a:p>
            <a:r>
              <a:rPr lang="en-US" noProof="0" dirty="0"/>
              <a:t>Question Mark Diagram</a:t>
            </a:r>
          </a:p>
        </p:txBody>
      </p:sp>
      <p:sp>
        <p:nvSpPr>
          <p:cNvPr id="206" name="Date Placeholder 2">
            <a:extLst>
              <a:ext uri="{FF2B5EF4-FFF2-40B4-BE49-F238E27FC236}">
                <a16:creationId xmlns:a16="http://schemas.microsoft.com/office/drawing/2014/main" id="{51A97954-EE0F-44F0-9778-C590E8384540}"/>
              </a:ext>
            </a:extLst>
          </p:cNvPr>
          <p:cNvSpPr>
            <a:spLocks noGrp="1"/>
          </p:cNvSpPr>
          <p:nvPr>
            <p:ph type="dt" sz="half" idx="10"/>
          </p:nvPr>
        </p:nvSpPr>
        <p:spPr>
          <a:xfrm>
            <a:off x="609600" y="6356351"/>
            <a:ext cx="2844800" cy="365125"/>
          </a:xfrm>
        </p:spPr>
        <p:txBody>
          <a:bodyPr/>
          <a:lstStyle>
            <a:lvl1pPr>
              <a:defRPr>
                <a:solidFill>
                  <a:schemeClr val="bg1">
                    <a:lumMod val="65000"/>
                  </a:schemeClr>
                </a:solidFill>
              </a:defRPr>
            </a:lvl1pPr>
          </a:lstStyle>
          <a:p>
            <a:pPr defTabSz="1219170"/>
            <a:fld id="{FFF30096-E2FA-4C53-8FFA-C198FACBBC31}" type="datetimeFigureOut">
              <a:rPr lang="en-US" smtClean="0">
                <a:solidFill>
                  <a:srgbClr val="FFFFFF">
                    <a:lumMod val="65000"/>
                  </a:srgbClr>
                </a:solidFill>
              </a:rPr>
              <a:pPr defTabSz="1219170"/>
              <a:t>9/8/2024</a:t>
            </a:fld>
            <a:endParaRPr lang="en-US" dirty="0">
              <a:solidFill>
                <a:srgbClr val="FFFFFF">
                  <a:lumMod val="65000"/>
                </a:srgbClr>
              </a:solidFill>
            </a:endParaRPr>
          </a:p>
        </p:txBody>
      </p:sp>
      <p:sp>
        <p:nvSpPr>
          <p:cNvPr id="207" name="Footer Placeholder 3">
            <a:extLst>
              <a:ext uri="{FF2B5EF4-FFF2-40B4-BE49-F238E27FC236}">
                <a16:creationId xmlns:a16="http://schemas.microsoft.com/office/drawing/2014/main" id="{12CC8AFD-59BF-4CC0-9B1E-BB70E2E593B5}"/>
              </a:ext>
            </a:extLst>
          </p:cNvPr>
          <p:cNvSpPr>
            <a:spLocks noGrp="1"/>
          </p:cNvSpPr>
          <p:nvPr>
            <p:ph type="ftr" sz="quarter" idx="11"/>
          </p:nvPr>
        </p:nvSpPr>
        <p:spPr>
          <a:xfrm>
            <a:off x="4165600" y="6356351"/>
            <a:ext cx="3860800" cy="365125"/>
          </a:xfrm>
        </p:spPr>
        <p:txBody>
          <a:bodyPr/>
          <a:lstStyle>
            <a:lvl1pPr>
              <a:defRPr>
                <a:solidFill>
                  <a:schemeClr val="bg1">
                    <a:lumMod val="65000"/>
                  </a:schemeClr>
                </a:solidFill>
              </a:defRPr>
            </a:lvl1pPr>
          </a:lstStyle>
          <a:p>
            <a:pPr defTabSz="1219170"/>
            <a:endParaRPr lang="en-US" dirty="0">
              <a:solidFill>
                <a:srgbClr val="FFFFFF">
                  <a:lumMod val="65000"/>
                </a:srgbClr>
              </a:solidFill>
            </a:endParaRPr>
          </a:p>
        </p:txBody>
      </p:sp>
      <p:sp>
        <p:nvSpPr>
          <p:cNvPr id="208" name="Slide Number Placeholder 4">
            <a:extLst>
              <a:ext uri="{FF2B5EF4-FFF2-40B4-BE49-F238E27FC236}">
                <a16:creationId xmlns:a16="http://schemas.microsoft.com/office/drawing/2014/main" id="{57B38BE2-5567-4D76-BC7D-1F789CF49B05}"/>
              </a:ext>
            </a:extLst>
          </p:cNvPr>
          <p:cNvSpPr>
            <a:spLocks noGrp="1"/>
          </p:cNvSpPr>
          <p:nvPr>
            <p:ph type="sldNum" sz="quarter" idx="12"/>
          </p:nvPr>
        </p:nvSpPr>
        <p:spPr>
          <a:xfrm>
            <a:off x="8737600" y="6356351"/>
            <a:ext cx="2844800" cy="365125"/>
          </a:xfrm>
        </p:spPr>
        <p:txBody>
          <a:bodyPr/>
          <a:lstStyle>
            <a:lvl1pPr>
              <a:defRPr>
                <a:solidFill>
                  <a:schemeClr val="bg1">
                    <a:lumMod val="65000"/>
                  </a:schemeClr>
                </a:solidFill>
              </a:defRPr>
            </a:lvl1pPr>
          </a:lstStyle>
          <a:p>
            <a:pPr defTabSz="1219170"/>
            <a:fld id="{BE6EB2CE-F8EE-47A0-A8D1-750600A29654}" type="slidenum">
              <a:rPr lang="en-US" smtClean="0">
                <a:solidFill>
                  <a:srgbClr val="FFFFFF">
                    <a:lumMod val="65000"/>
                  </a:srgbClr>
                </a:solidFill>
              </a:rPr>
              <a:pPr defTabSz="1219170"/>
              <a:t>‹#›</a:t>
            </a:fld>
            <a:endParaRPr lang="en-US" dirty="0">
              <a:solidFill>
                <a:srgbClr val="FFFFFF">
                  <a:lumMod val="65000"/>
                </a:srgbClr>
              </a:solidFill>
            </a:endParaRPr>
          </a:p>
        </p:txBody>
      </p:sp>
      <p:sp>
        <p:nvSpPr>
          <p:cNvPr id="8" name="Freeform 6">
            <a:extLst>
              <a:ext uri="{FF2B5EF4-FFF2-40B4-BE49-F238E27FC236}">
                <a16:creationId xmlns:a16="http://schemas.microsoft.com/office/drawing/2014/main" id="{8DC42687-0258-47B8-8196-F005E5AB6FBF}"/>
              </a:ext>
            </a:extLst>
          </p:cNvPr>
          <p:cNvSpPr>
            <a:spLocks/>
          </p:cNvSpPr>
          <p:nvPr userDrawn="1"/>
        </p:nvSpPr>
        <p:spPr bwMode="auto">
          <a:xfrm>
            <a:off x="2118" y="5869518"/>
            <a:ext cx="12187767" cy="988484"/>
          </a:xfrm>
          <a:custGeom>
            <a:avLst/>
            <a:gdLst>
              <a:gd name="T0" fmla="*/ 11516 w 11516"/>
              <a:gd name="T1" fmla="*/ 0 h 933"/>
              <a:gd name="T2" fmla="*/ 0 w 11516"/>
              <a:gd name="T3" fmla="*/ 507 h 933"/>
              <a:gd name="T4" fmla="*/ 0 w 11516"/>
              <a:gd name="T5" fmla="*/ 933 h 933"/>
              <a:gd name="T6" fmla="*/ 11516 w 11516"/>
              <a:gd name="T7" fmla="*/ 933 h 933"/>
              <a:gd name="T8" fmla="*/ 11516 w 11516"/>
              <a:gd name="T9" fmla="*/ 0 h 933"/>
            </a:gdLst>
            <a:ahLst/>
            <a:cxnLst>
              <a:cxn ang="0">
                <a:pos x="T0" y="T1"/>
              </a:cxn>
              <a:cxn ang="0">
                <a:pos x="T2" y="T3"/>
              </a:cxn>
              <a:cxn ang="0">
                <a:pos x="T4" y="T5"/>
              </a:cxn>
              <a:cxn ang="0">
                <a:pos x="T6" y="T7"/>
              </a:cxn>
              <a:cxn ang="0">
                <a:pos x="T8" y="T9"/>
              </a:cxn>
            </a:cxnLst>
            <a:rect l="0" t="0" r="r" b="b"/>
            <a:pathLst>
              <a:path w="11516" h="933">
                <a:moveTo>
                  <a:pt x="11516" y="0"/>
                </a:moveTo>
                <a:lnTo>
                  <a:pt x="0" y="507"/>
                </a:lnTo>
                <a:lnTo>
                  <a:pt x="0" y="933"/>
                </a:lnTo>
                <a:lnTo>
                  <a:pt x="11516" y="933"/>
                </a:lnTo>
                <a:lnTo>
                  <a:pt x="11516" y="0"/>
                </a:lnTo>
                <a:close/>
              </a:path>
            </a:pathLst>
          </a:custGeom>
          <a:solidFill>
            <a:srgbClr val="FB6E52"/>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9" name="Freeform 7">
            <a:extLst>
              <a:ext uri="{FF2B5EF4-FFF2-40B4-BE49-F238E27FC236}">
                <a16:creationId xmlns:a16="http://schemas.microsoft.com/office/drawing/2014/main" id="{C73FDE85-A612-453A-A259-6E63BAC4068F}"/>
              </a:ext>
            </a:extLst>
          </p:cNvPr>
          <p:cNvSpPr>
            <a:spLocks/>
          </p:cNvSpPr>
          <p:nvPr userDrawn="1"/>
        </p:nvSpPr>
        <p:spPr bwMode="auto">
          <a:xfrm>
            <a:off x="6231468" y="2611969"/>
            <a:ext cx="1193800" cy="1672167"/>
          </a:xfrm>
          <a:custGeom>
            <a:avLst/>
            <a:gdLst>
              <a:gd name="T0" fmla="*/ 1126 w 1126"/>
              <a:gd name="T1" fmla="*/ 345 h 1581"/>
              <a:gd name="T2" fmla="*/ 1109 w 1126"/>
              <a:gd name="T3" fmla="*/ 507 h 1581"/>
              <a:gd name="T4" fmla="*/ 1073 w 1126"/>
              <a:gd name="T5" fmla="*/ 668 h 1581"/>
              <a:gd name="T6" fmla="*/ 1033 w 1126"/>
              <a:gd name="T7" fmla="*/ 773 h 1581"/>
              <a:gd name="T8" fmla="*/ 994 w 1126"/>
              <a:gd name="T9" fmla="*/ 865 h 1581"/>
              <a:gd name="T10" fmla="*/ 947 w 1126"/>
              <a:gd name="T11" fmla="*/ 953 h 1581"/>
              <a:gd name="T12" fmla="*/ 892 w 1126"/>
              <a:gd name="T13" fmla="*/ 1037 h 1581"/>
              <a:gd name="T14" fmla="*/ 831 w 1126"/>
              <a:gd name="T15" fmla="*/ 1115 h 1581"/>
              <a:gd name="T16" fmla="*/ 763 w 1126"/>
              <a:gd name="T17" fmla="*/ 1189 h 1581"/>
              <a:gd name="T18" fmla="*/ 345 w 1126"/>
              <a:gd name="T19" fmla="*/ 1581 h 1581"/>
              <a:gd name="T20" fmla="*/ 386 w 1126"/>
              <a:gd name="T21" fmla="*/ 1524 h 1581"/>
              <a:gd name="T22" fmla="*/ 409 w 1126"/>
              <a:gd name="T23" fmla="*/ 1458 h 1581"/>
              <a:gd name="T24" fmla="*/ 413 w 1126"/>
              <a:gd name="T25" fmla="*/ 1408 h 1581"/>
              <a:gd name="T26" fmla="*/ 403 w 1126"/>
              <a:gd name="T27" fmla="*/ 1333 h 1581"/>
              <a:gd name="T28" fmla="*/ 371 w 1126"/>
              <a:gd name="T29" fmla="*/ 1267 h 1581"/>
              <a:gd name="T30" fmla="*/ 322 w 1126"/>
              <a:gd name="T31" fmla="*/ 1214 h 1581"/>
              <a:gd name="T32" fmla="*/ 260 w 1126"/>
              <a:gd name="T33" fmla="*/ 1176 h 1581"/>
              <a:gd name="T34" fmla="*/ 188 w 1126"/>
              <a:gd name="T35" fmla="*/ 1158 h 1581"/>
              <a:gd name="T36" fmla="*/ 139 w 1126"/>
              <a:gd name="T37" fmla="*/ 1158 h 1581"/>
              <a:gd name="T38" fmla="*/ 75 w 1126"/>
              <a:gd name="T39" fmla="*/ 1172 h 1581"/>
              <a:gd name="T40" fmla="*/ 17 w 1126"/>
              <a:gd name="T41" fmla="*/ 1203 h 1581"/>
              <a:gd name="T42" fmla="*/ 436 w 1126"/>
              <a:gd name="T43" fmla="*/ 797 h 1581"/>
              <a:gd name="T44" fmla="*/ 509 w 1126"/>
              <a:gd name="T45" fmla="*/ 721 h 1581"/>
              <a:gd name="T46" fmla="*/ 535 w 1126"/>
              <a:gd name="T47" fmla="*/ 674 h 1581"/>
              <a:gd name="T48" fmla="*/ 570 w 1126"/>
              <a:gd name="T49" fmla="*/ 600 h 1581"/>
              <a:gd name="T50" fmla="*/ 595 w 1126"/>
              <a:gd name="T51" fmla="*/ 523 h 1581"/>
              <a:gd name="T52" fmla="*/ 614 w 1126"/>
              <a:gd name="T53" fmla="*/ 440 h 1581"/>
              <a:gd name="T54" fmla="*/ 624 w 1126"/>
              <a:gd name="T55" fmla="*/ 351 h 1581"/>
              <a:gd name="T56" fmla="*/ 625 w 1126"/>
              <a:gd name="T57" fmla="*/ 287 h 1581"/>
              <a:gd name="T58" fmla="*/ 624 w 1126"/>
              <a:gd name="T59" fmla="*/ 235 h 1581"/>
              <a:gd name="T60" fmla="*/ 631 w 1126"/>
              <a:gd name="T61" fmla="*/ 188 h 1581"/>
              <a:gd name="T62" fmla="*/ 659 w 1126"/>
              <a:gd name="T63" fmla="*/ 122 h 1581"/>
              <a:gd name="T64" fmla="*/ 702 w 1126"/>
              <a:gd name="T65" fmla="*/ 68 h 1581"/>
              <a:gd name="T66" fmla="*/ 759 w 1126"/>
              <a:gd name="T67" fmla="*/ 28 h 1581"/>
              <a:gd name="T68" fmla="*/ 826 w 1126"/>
              <a:gd name="T69" fmla="*/ 5 h 1581"/>
              <a:gd name="T70" fmla="*/ 875 w 1126"/>
              <a:gd name="T71" fmla="*/ 0 h 1581"/>
              <a:gd name="T72" fmla="*/ 944 w 1126"/>
              <a:gd name="T73" fmla="*/ 9 h 1581"/>
              <a:gd name="T74" fmla="*/ 1006 w 1126"/>
              <a:gd name="T75" fmla="*/ 37 h 1581"/>
              <a:gd name="T76" fmla="*/ 1058 w 1126"/>
              <a:gd name="T77" fmla="*/ 80 h 1581"/>
              <a:gd name="T78" fmla="*/ 1097 w 1126"/>
              <a:gd name="T79" fmla="*/ 134 h 1581"/>
              <a:gd name="T80" fmla="*/ 1122 w 1126"/>
              <a:gd name="T81" fmla="*/ 198 h 1581"/>
              <a:gd name="T82" fmla="*/ 1126 w 1126"/>
              <a:gd name="T83" fmla="*/ 263 h 1581"/>
              <a:gd name="T84" fmla="*/ 1126 w 1126"/>
              <a:gd name="T85" fmla="*/ 289 h 158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Lst>
            <a:rect l="0" t="0" r="r" b="b"/>
            <a:pathLst>
              <a:path w="1126" h="1581">
                <a:moveTo>
                  <a:pt x="1126" y="289"/>
                </a:moveTo>
                <a:lnTo>
                  <a:pt x="1126" y="289"/>
                </a:lnTo>
                <a:lnTo>
                  <a:pt x="1126" y="345"/>
                </a:lnTo>
                <a:lnTo>
                  <a:pt x="1123" y="399"/>
                </a:lnTo>
                <a:lnTo>
                  <a:pt x="1117" y="453"/>
                </a:lnTo>
                <a:lnTo>
                  <a:pt x="1109" y="507"/>
                </a:lnTo>
                <a:lnTo>
                  <a:pt x="1100" y="561"/>
                </a:lnTo>
                <a:lnTo>
                  <a:pt x="1087" y="615"/>
                </a:lnTo>
                <a:lnTo>
                  <a:pt x="1073" y="668"/>
                </a:lnTo>
                <a:lnTo>
                  <a:pt x="1057" y="721"/>
                </a:lnTo>
                <a:lnTo>
                  <a:pt x="1033" y="773"/>
                </a:lnTo>
                <a:lnTo>
                  <a:pt x="1033" y="773"/>
                </a:lnTo>
                <a:lnTo>
                  <a:pt x="1021" y="804"/>
                </a:lnTo>
                <a:lnTo>
                  <a:pt x="1008" y="835"/>
                </a:lnTo>
                <a:lnTo>
                  <a:pt x="994" y="865"/>
                </a:lnTo>
                <a:lnTo>
                  <a:pt x="979" y="895"/>
                </a:lnTo>
                <a:lnTo>
                  <a:pt x="964" y="924"/>
                </a:lnTo>
                <a:lnTo>
                  <a:pt x="947" y="953"/>
                </a:lnTo>
                <a:lnTo>
                  <a:pt x="929" y="982"/>
                </a:lnTo>
                <a:lnTo>
                  <a:pt x="912" y="1009"/>
                </a:lnTo>
                <a:lnTo>
                  <a:pt x="892" y="1037"/>
                </a:lnTo>
                <a:lnTo>
                  <a:pt x="873" y="1064"/>
                </a:lnTo>
                <a:lnTo>
                  <a:pt x="852" y="1090"/>
                </a:lnTo>
                <a:lnTo>
                  <a:pt x="831" y="1115"/>
                </a:lnTo>
                <a:lnTo>
                  <a:pt x="810" y="1141"/>
                </a:lnTo>
                <a:lnTo>
                  <a:pt x="787" y="1165"/>
                </a:lnTo>
                <a:lnTo>
                  <a:pt x="763" y="1189"/>
                </a:lnTo>
                <a:lnTo>
                  <a:pt x="739" y="1212"/>
                </a:lnTo>
                <a:lnTo>
                  <a:pt x="345" y="1581"/>
                </a:lnTo>
                <a:lnTo>
                  <a:pt x="345" y="1581"/>
                </a:lnTo>
                <a:lnTo>
                  <a:pt x="360" y="1564"/>
                </a:lnTo>
                <a:lnTo>
                  <a:pt x="374" y="1544"/>
                </a:lnTo>
                <a:lnTo>
                  <a:pt x="386" y="1524"/>
                </a:lnTo>
                <a:lnTo>
                  <a:pt x="396" y="1502"/>
                </a:lnTo>
                <a:lnTo>
                  <a:pt x="403" y="1481"/>
                </a:lnTo>
                <a:lnTo>
                  <a:pt x="409" y="1458"/>
                </a:lnTo>
                <a:lnTo>
                  <a:pt x="412" y="1433"/>
                </a:lnTo>
                <a:lnTo>
                  <a:pt x="413" y="1408"/>
                </a:lnTo>
                <a:lnTo>
                  <a:pt x="413" y="1408"/>
                </a:lnTo>
                <a:lnTo>
                  <a:pt x="412" y="1383"/>
                </a:lnTo>
                <a:lnTo>
                  <a:pt x="409" y="1357"/>
                </a:lnTo>
                <a:lnTo>
                  <a:pt x="403" y="1333"/>
                </a:lnTo>
                <a:lnTo>
                  <a:pt x="394" y="1310"/>
                </a:lnTo>
                <a:lnTo>
                  <a:pt x="383" y="1288"/>
                </a:lnTo>
                <a:lnTo>
                  <a:pt x="371" y="1267"/>
                </a:lnTo>
                <a:lnTo>
                  <a:pt x="357" y="1248"/>
                </a:lnTo>
                <a:lnTo>
                  <a:pt x="340" y="1231"/>
                </a:lnTo>
                <a:lnTo>
                  <a:pt x="322" y="1214"/>
                </a:lnTo>
                <a:lnTo>
                  <a:pt x="303" y="1199"/>
                </a:lnTo>
                <a:lnTo>
                  <a:pt x="282" y="1187"/>
                </a:lnTo>
                <a:lnTo>
                  <a:pt x="260" y="1176"/>
                </a:lnTo>
                <a:lnTo>
                  <a:pt x="237" y="1168"/>
                </a:lnTo>
                <a:lnTo>
                  <a:pt x="213" y="1161"/>
                </a:lnTo>
                <a:lnTo>
                  <a:pt x="188" y="1158"/>
                </a:lnTo>
                <a:lnTo>
                  <a:pt x="162" y="1157"/>
                </a:lnTo>
                <a:lnTo>
                  <a:pt x="162" y="1157"/>
                </a:lnTo>
                <a:lnTo>
                  <a:pt x="139" y="1158"/>
                </a:lnTo>
                <a:lnTo>
                  <a:pt x="117" y="1160"/>
                </a:lnTo>
                <a:lnTo>
                  <a:pt x="96" y="1166"/>
                </a:lnTo>
                <a:lnTo>
                  <a:pt x="75" y="1172"/>
                </a:lnTo>
                <a:lnTo>
                  <a:pt x="54" y="1181"/>
                </a:lnTo>
                <a:lnTo>
                  <a:pt x="36" y="1190"/>
                </a:lnTo>
                <a:lnTo>
                  <a:pt x="17" y="1203"/>
                </a:lnTo>
                <a:lnTo>
                  <a:pt x="0" y="1216"/>
                </a:lnTo>
                <a:lnTo>
                  <a:pt x="436" y="797"/>
                </a:lnTo>
                <a:lnTo>
                  <a:pt x="436" y="797"/>
                </a:lnTo>
                <a:lnTo>
                  <a:pt x="473" y="760"/>
                </a:lnTo>
                <a:lnTo>
                  <a:pt x="508" y="722"/>
                </a:lnTo>
                <a:lnTo>
                  <a:pt x="509" y="721"/>
                </a:lnTo>
                <a:lnTo>
                  <a:pt x="509" y="721"/>
                </a:lnTo>
                <a:lnTo>
                  <a:pt x="523" y="698"/>
                </a:lnTo>
                <a:lnTo>
                  <a:pt x="535" y="674"/>
                </a:lnTo>
                <a:lnTo>
                  <a:pt x="548" y="650"/>
                </a:lnTo>
                <a:lnTo>
                  <a:pt x="560" y="626"/>
                </a:lnTo>
                <a:lnTo>
                  <a:pt x="570" y="600"/>
                </a:lnTo>
                <a:lnTo>
                  <a:pt x="579" y="575"/>
                </a:lnTo>
                <a:lnTo>
                  <a:pt x="588" y="550"/>
                </a:lnTo>
                <a:lnTo>
                  <a:pt x="595" y="523"/>
                </a:lnTo>
                <a:lnTo>
                  <a:pt x="602" y="495"/>
                </a:lnTo>
                <a:lnTo>
                  <a:pt x="609" y="468"/>
                </a:lnTo>
                <a:lnTo>
                  <a:pt x="614" y="440"/>
                </a:lnTo>
                <a:lnTo>
                  <a:pt x="618" y="411"/>
                </a:lnTo>
                <a:lnTo>
                  <a:pt x="622" y="381"/>
                </a:lnTo>
                <a:lnTo>
                  <a:pt x="624" y="351"/>
                </a:lnTo>
                <a:lnTo>
                  <a:pt x="625" y="320"/>
                </a:lnTo>
                <a:lnTo>
                  <a:pt x="625" y="289"/>
                </a:lnTo>
                <a:lnTo>
                  <a:pt x="625" y="287"/>
                </a:lnTo>
                <a:lnTo>
                  <a:pt x="625" y="287"/>
                </a:lnTo>
                <a:lnTo>
                  <a:pt x="625" y="260"/>
                </a:lnTo>
                <a:lnTo>
                  <a:pt x="624" y="235"/>
                </a:lnTo>
                <a:lnTo>
                  <a:pt x="624" y="235"/>
                </a:lnTo>
                <a:lnTo>
                  <a:pt x="626" y="211"/>
                </a:lnTo>
                <a:lnTo>
                  <a:pt x="631" y="188"/>
                </a:lnTo>
                <a:lnTo>
                  <a:pt x="638" y="165"/>
                </a:lnTo>
                <a:lnTo>
                  <a:pt x="647" y="143"/>
                </a:lnTo>
                <a:lnTo>
                  <a:pt x="659" y="122"/>
                </a:lnTo>
                <a:lnTo>
                  <a:pt x="671" y="103"/>
                </a:lnTo>
                <a:lnTo>
                  <a:pt x="686" y="85"/>
                </a:lnTo>
                <a:lnTo>
                  <a:pt x="702" y="68"/>
                </a:lnTo>
                <a:lnTo>
                  <a:pt x="720" y="53"/>
                </a:lnTo>
                <a:lnTo>
                  <a:pt x="739" y="39"/>
                </a:lnTo>
                <a:lnTo>
                  <a:pt x="759" y="28"/>
                </a:lnTo>
                <a:lnTo>
                  <a:pt x="781" y="18"/>
                </a:lnTo>
                <a:lnTo>
                  <a:pt x="803" y="10"/>
                </a:lnTo>
                <a:lnTo>
                  <a:pt x="826" y="5"/>
                </a:lnTo>
                <a:lnTo>
                  <a:pt x="850" y="1"/>
                </a:lnTo>
                <a:lnTo>
                  <a:pt x="875" y="0"/>
                </a:lnTo>
                <a:lnTo>
                  <a:pt x="875" y="0"/>
                </a:lnTo>
                <a:lnTo>
                  <a:pt x="899" y="1"/>
                </a:lnTo>
                <a:lnTo>
                  <a:pt x="922" y="5"/>
                </a:lnTo>
                <a:lnTo>
                  <a:pt x="944" y="9"/>
                </a:lnTo>
                <a:lnTo>
                  <a:pt x="966" y="17"/>
                </a:lnTo>
                <a:lnTo>
                  <a:pt x="987" y="27"/>
                </a:lnTo>
                <a:lnTo>
                  <a:pt x="1006" y="37"/>
                </a:lnTo>
                <a:lnTo>
                  <a:pt x="1025" y="50"/>
                </a:lnTo>
                <a:lnTo>
                  <a:pt x="1042" y="63"/>
                </a:lnTo>
                <a:lnTo>
                  <a:pt x="1058" y="80"/>
                </a:lnTo>
                <a:lnTo>
                  <a:pt x="1073" y="97"/>
                </a:lnTo>
                <a:lnTo>
                  <a:pt x="1086" y="114"/>
                </a:lnTo>
                <a:lnTo>
                  <a:pt x="1097" y="134"/>
                </a:lnTo>
                <a:lnTo>
                  <a:pt x="1108" y="154"/>
                </a:lnTo>
                <a:lnTo>
                  <a:pt x="1115" y="176"/>
                </a:lnTo>
                <a:lnTo>
                  <a:pt x="1122" y="198"/>
                </a:lnTo>
                <a:lnTo>
                  <a:pt x="1125" y="221"/>
                </a:lnTo>
                <a:lnTo>
                  <a:pt x="1125" y="221"/>
                </a:lnTo>
                <a:lnTo>
                  <a:pt x="1126" y="263"/>
                </a:lnTo>
                <a:lnTo>
                  <a:pt x="1126" y="263"/>
                </a:lnTo>
                <a:lnTo>
                  <a:pt x="1126" y="289"/>
                </a:lnTo>
                <a:lnTo>
                  <a:pt x="1126" y="289"/>
                </a:lnTo>
                <a:close/>
              </a:path>
            </a:pathLst>
          </a:custGeom>
          <a:solidFill>
            <a:schemeClr val="accent5"/>
          </a:solidFill>
          <a:ln>
            <a:noFill/>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0" name="Freeform 8">
            <a:extLst>
              <a:ext uri="{FF2B5EF4-FFF2-40B4-BE49-F238E27FC236}">
                <a16:creationId xmlns:a16="http://schemas.microsoft.com/office/drawing/2014/main" id="{0F04C10A-C0E0-40D9-8EFE-893110A8B92F}"/>
              </a:ext>
            </a:extLst>
          </p:cNvPr>
          <p:cNvSpPr>
            <a:spLocks/>
          </p:cNvSpPr>
          <p:nvPr userDrawn="1"/>
        </p:nvSpPr>
        <p:spPr bwMode="auto">
          <a:xfrm>
            <a:off x="4766735" y="1555752"/>
            <a:ext cx="1327151" cy="1655233"/>
          </a:xfrm>
          <a:custGeom>
            <a:avLst/>
            <a:gdLst>
              <a:gd name="T0" fmla="*/ 1201 w 1255"/>
              <a:gd name="T1" fmla="*/ 515 h 1566"/>
              <a:gd name="T2" fmla="*/ 1092 w 1255"/>
              <a:gd name="T3" fmla="*/ 531 h 1566"/>
              <a:gd name="T4" fmla="*/ 989 w 1255"/>
              <a:gd name="T5" fmla="*/ 565 h 1566"/>
              <a:gd name="T6" fmla="*/ 892 w 1255"/>
              <a:gd name="T7" fmla="*/ 612 h 1566"/>
              <a:gd name="T8" fmla="*/ 802 w 1255"/>
              <a:gd name="T9" fmla="*/ 673 h 1566"/>
              <a:gd name="T10" fmla="*/ 722 w 1255"/>
              <a:gd name="T11" fmla="*/ 747 h 1566"/>
              <a:gd name="T12" fmla="*/ 651 w 1255"/>
              <a:gd name="T13" fmla="*/ 831 h 1566"/>
              <a:gd name="T14" fmla="*/ 593 w 1255"/>
              <a:gd name="T15" fmla="*/ 924 h 1566"/>
              <a:gd name="T16" fmla="*/ 548 w 1255"/>
              <a:gd name="T17" fmla="*/ 1027 h 1566"/>
              <a:gd name="T18" fmla="*/ 517 w 1255"/>
              <a:gd name="T19" fmla="*/ 1135 h 1566"/>
              <a:gd name="T20" fmla="*/ 503 w 1255"/>
              <a:gd name="T21" fmla="*/ 1249 h 1566"/>
              <a:gd name="T22" fmla="*/ 502 w 1255"/>
              <a:gd name="T23" fmla="*/ 1294 h 1566"/>
              <a:gd name="T24" fmla="*/ 501 w 1255"/>
              <a:gd name="T25" fmla="*/ 1340 h 1566"/>
              <a:gd name="T26" fmla="*/ 482 w 1255"/>
              <a:gd name="T27" fmla="*/ 1413 h 1566"/>
              <a:gd name="T28" fmla="*/ 445 w 1255"/>
              <a:gd name="T29" fmla="*/ 1475 h 1566"/>
              <a:gd name="T30" fmla="*/ 391 w 1255"/>
              <a:gd name="T31" fmla="*/ 1523 h 1566"/>
              <a:gd name="T32" fmla="*/ 326 w 1255"/>
              <a:gd name="T33" fmla="*/ 1554 h 1566"/>
              <a:gd name="T34" fmla="*/ 251 w 1255"/>
              <a:gd name="T35" fmla="*/ 1566 h 1566"/>
              <a:gd name="T36" fmla="*/ 201 w 1255"/>
              <a:gd name="T37" fmla="*/ 1561 h 1566"/>
              <a:gd name="T38" fmla="*/ 132 w 1255"/>
              <a:gd name="T39" fmla="*/ 1536 h 1566"/>
              <a:gd name="T40" fmla="*/ 74 w 1255"/>
              <a:gd name="T41" fmla="*/ 1493 h 1566"/>
              <a:gd name="T42" fmla="*/ 32 w 1255"/>
              <a:gd name="T43" fmla="*/ 1436 h 1566"/>
              <a:gd name="T44" fmla="*/ 5 w 1255"/>
              <a:gd name="T45" fmla="*/ 1368 h 1566"/>
              <a:gd name="T46" fmla="*/ 0 w 1255"/>
              <a:gd name="T47" fmla="*/ 1288 h 1566"/>
              <a:gd name="T48" fmla="*/ 2 w 1255"/>
              <a:gd name="T49" fmla="*/ 1223 h 1566"/>
              <a:gd name="T50" fmla="*/ 10 w 1255"/>
              <a:gd name="T51" fmla="*/ 1126 h 1566"/>
              <a:gd name="T52" fmla="*/ 25 w 1255"/>
              <a:gd name="T53" fmla="*/ 1030 h 1566"/>
              <a:gd name="T54" fmla="*/ 48 w 1255"/>
              <a:gd name="T55" fmla="*/ 938 h 1566"/>
              <a:gd name="T56" fmla="*/ 76 w 1255"/>
              <a:gd name="T57" fmla="*/ 848 h 1566"/>
              <a:gd name="T58" fmla="*/ 110 w 1255"/>
              <a:gd name="T59" fmla="*/ 761 h 1566"/>
              <a:gd name="T60" fmla="*/ 150 w 1255"/>
              <a:gd name="T61" fmla="*/ 678 h 1566"/>
              <a:gd name="T62" fmla="*/ 197 w 1255"/>
              <a:gd name="T63" fmla="*/ 597 h 1566"/>
              <a:gd name="T64" fmla="*/ 248 w 1255"/>
              <a:gd name="T65" fmla="*/ 520 h 1566"/>
              <a:gd name="T66" fmla="*/ 305 w 1255"/>
              <a:gd name="T67" fmla="*/ 447 h 1566"/>
              <a:gd name="T68" fmla="*/ 367 w 1255"/>
              <a:gd name="T69" fmla="*/ 379 h 1566"/>
              <a:gd name="T70" fmla="*/ 433 w 1255"/>
              <a:gd name="T71" fmla="*/ 316 h 1566"/>
              <a:gd name="T72" fmla="*/ 503 w 1255"/>
              <a:gd name="T73" fmla="*/ 258 h 1566"/>
              <a:gd name="T74" fmla="*/ 577 w 1255"/>
              <a:gd name="T75" fmla="*/ 204 h 1566"/>
              <a:gd name="T76" fmla="*/ 655 w 1255"/>
              <a:gd name="T77" fmla="*/ 157 h 1566"/>
              <a:gd name="T78" fmla="*/ 737 w 1255"/>
              <a:gd name="T79" fmla="*/ 114 h 1566"/>
              <a:gd name="T80" fmla="*/ 822 w 1255"/>
              <a:gd name="T81" fmla="*/ 78 h 1566"/>
              <a:gd name="T82" fmla="*/ 909 w 1255"/>
              <a:gd name="T83" fmla="*/ 50 h 1566"/>
              <a:gd name="T84" fmla="*/ 1000 w 1255"/>
              <a:gd name="T85" fmla="*/ 27 h 1566"/>
              <a:gd name="T86" fmla="*/ 1094 w 1255"/>
              <a:gd name="T87" fmla="*/ 10 h 1566"/>
              <a:gd name="T88" fmla="*/ 1188 w 1255"/>
              <a:gd name="T89" fmla="*/ 1 h 1566"/>
              <a:gd name="T90" fmla="*/ 1255 w 1255"/>
              <a:gd name="T91" fmla="*/ 0 h 1566"/>
              <a:gd name="T92" fmla="*/ 1203 w 1255"/>
              <a:gd name="T93" fmla="*/ 5 h 1566"/>
              <a:gd name="T94" fmla="*/ 1133 w 1255"/>
              <a:gd name="T95" fmla="*/ 31 h 1566"/>
              <a:gd name="T96" fmla="*/ 1074 w 1255"/>
              <a:gd name="T97" fmla="*/ 75 h 1566"/>
              <a:gd name="T98" fmla="*/ 1030 w 1255"/>
              <a:gd name="T99" fmla="*/ 135 h 1566"/>
              <a:gd name="T100" fmla="*/ 1004 w 1255"/>
              <a:gd name="T101" fmla="*/ 205 h 1566"/>
              <a:gd name="T102" fmla="*/ 999 w 1255"/>
              <a:gd name="T103" fmla="*/ 257 h 1566"/>
              <a:gd name="T104" fmla="*/ 1010 w 1255"/>
              <a:gd name="T105" fmla="*/ 330 h 1566"/>
              <a:gd name="T106" fmla="*/ 1039 w 1255"/>
              <a:gd name="T107" fmla="*/ 395 h 1566"/>
              <a:gd name="T108" fmla="*/ 1086 w 1255"/>
              <a:gd name="T109" fmla="*/ 449 h 1566"/>
              <a:gd name="T110" fmla="*/ 1144 w 1255"/>
              <a:gd name="T111" fmla="*/ 489 h 1566"/>
              <a:gd name="T112" fmla="*/ 1213 w 1255"/>
              <a:gd name="T113" fmla="*/ 510 h 156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Lst>
            <a:rect l="0" t="0" r="r" b="b"/>
            <a:pathLst>
              <a:path w="1255" h="1566">
                <a:moveTo>
                  <a:pt x="1238" y="513"/>
                </a:moveTo>
                <a:lnTo>
                  <a:pt x="1238" y="513"/>
                </a:lnTo>
                <a:lnTo>
                  <a:pt x="1201" y="515"/>
                </a:lnTo>
                <a:lnTo>
                  <a:pt x="1164" y="519"/>
                </a:lnTo>
                <a:lnTo>
                  <a:pt x="1128" y="524"/>
                </a:lnTo>
                <a:lnTo>
                  <a:pt x="1092" y="531"/>
                </a:lnTo>
                <a:lnTo>
                  <a:pt x="1058" y="540"/>
                </a:lnTo>
                <a:lnTo>
                  <a:pt x="1023" y="552"/>
                </a:lnTo>
                <a:lnTo>
                  <a:pt x="989" y="565"/>
                </a:lnTo>
                <a:lnTo>
                  <a:pt x="955" y="578"/>
                </a:lnTo>
                <a:lnTo>
                  <a:pt x="923" y="595"/>
                </a:lnTo>
                <a:lnTo>
                  <a:pt x="892" y="612"/>
                </a:lnTo>
                <a:lnTo>
                  <a:pt x="861" y="631"/>
                </a:lnTo>
                <a:lnTo>
                  <a:pt x="831" y="651"/>
                </a:lnTo>
                <a:lnTo>
                  <a:pt x="802" y="673"/>
                </a:lnTo>
                <a:lnTo>
                  <a:pt x="773" y="696"/>
                </a:lnTo>
                <a:lnTo>
                  <a:pt x="747" y="721"/>
                </a:lnTo>
                <a:lnTo>
                  <a:pt x="722" y="747"/>
                </a:lnTo>
                <a:lnTo>
                  <a:pt x="696" y="773"/>
                </a:lnTo>
                <a:lnTo>
                  <a:pt x="673" y="802"/>
                </a:lnTo>
                <a:lnTo>
                  <a:pt x="651" y="831"/>
                </a:lnTo>
                <a:lnTo>
                  <a:pt x="630" y="861"/>
                </a:lnTo>
                <a:lnTo>
                  <a:pt x="610" y="892"/>
                </a:lnTo>
                <a:lnTo>
                  <a:pt x="593" y="924"/>
                </a:lnTo>
                <a:lnTo>
                  <a:pt x="575" y="958"/>
                </a:lnTo>
                <a:lnTo>
                  <a:pt x="560" y="991"/>
                </a:lnTo>
                <a:lnTo>
                  <a:pt x="548" y="1027"/>
                </a:lnTo>
                <a:lnTo>
                  <a:pt x="535" y="1061"/>
                </a:lnTo>
                <a:lnTo>
                  <a:pt x="525" y="1098"/>
                </a:lnTo>
                <a:lnTo>
                  <a:pt x="517" y="1135"/>
                </a:lnTo>
                <a:lnTo>
                  <a:pt x="510" y="1173"/>
                </a:lnTo>
                <a:lnTo>
                  <a:pt x="505" y="1211"/>
                </a:lnTo>
                <a:lnTo>
                  <a:pt x="503" y="1249"/>
                </a:lnTo>
                <a:lnTo>
                  <a:pt x="502" y="1288"/>
                </a:lnTo>
                <a:lnTo>
                  <a:pt x="502" y="1294"/>
                </a:lnTo>
                <a:lnTo>
                  <a:pt x="502" y="1294"/>
                </a:lnTo>
                <a:lnTo>
                  <a:pt x="502" y="1315"/>
                </a:lnTo>
                <a:lnTo>
                  <a:pt x="502" y="1315"/>
                </a:lnTo>
                <a:lnTo>
                  <a:pt x="501" y="1340"/>
                </a:lnTo>
                <a:lnTo>
                  <a:pt x="497" y="1365"/>
                </a:lnTo>
                <a:lnTo>
                  <a:pt x="491" y="1390"/>
                </a:lnTo>
                <a:lnTo>
                  <a:pt x="482" y="1413"/>
                </a:lnTo>
                <a:lnTo>
                  <a:pt x="472" y="1435"/>
                </a:lnTo>
                <a:lnTo>
                  <a:pt x="459" y="1455"/>
                </a:lnTo>
                <a:lnTo>
                  <a:pt x="445" y="1475"/>
                </a:lnTo>
                <a:lnTo>
                  <a:pt x="429" y="1492"/>
                </a:lnTo>
                <a:lnTo>
                  <a:pt x="411" y="1508"/>
                </a:lnTo>
                <a:lnTo>
                  <a:pt x="391" y="1523"/>
                </a:lnTo>
                <a:lnTo>
                  <a:pt x="370" y="1536"/>
                </a:lnTo>
                <a:lnTo>
                  <a:pt x="349" y="1546"/>
                </a:lnTo>
                <a:lnTo>
                  <a:pt x="326" y="1554"/>
                </a:lnTo>
                <a:lnTo>
                  <a:pt x="301" y="1561"/>
                </a:lnTo>
                <a:lnTo>
                  <a:pt x="277" y="1565"/>
                </a:lnTo>
                <a:lnTo>
                  <a:pt x="251" y="1566"/>
                </a:lnTo>
                <a:lnTo>
                  <a:pt x="251" y="1566"/>
                </a:lnTo>
                <a:lnTo>
                  <a:pt x="225" y="1565"/>
                </a:lnTo>
                <a:lnTo>
                  <a:pt x="201" y="1561"/>
                </a:lnTo>
                <a:lnTo>
                  <a:pt x="177" y="1554"/>
                </a:lnTo>
                <a:lnTo>
                  <a:pt x="154" y="1546"/>
                </a:lnTo>
                <a:lnTo>
                  <a:pt x="132" y="1536"/>
                </a:lnTo>
                <a:lnTo>
                  <a:pt x="111" y="1523"/>
                </a:lnTo>
                <a:lnTo>
                  <a:pt x="93" y="1509"/>
                </a:lnTo>
                <a:lnTo>
                  <a:pt x="74" y="1493"/>
                </a:lnTo>
                <a:lnTo>
                  <a:pt x="58" y="1476"/>
                </a:lnTo>
                <a:lnTo>
                  <a:pt x="43" y="1456"/>
                </a:lnTo>
                <a:lnTo>
                  <a:pt x="32" y="1436"/>
                </a:lnTo>
                <a:lnTo>
                  <a:pt x="20" y="1414"/>
                </a:lnTo>
                <a:lnTo>
                  <a:pt x="12" y="1392"/>
                </a:lnTo>
                <a:lnTo>
                  <a:pt x="5" y="1368"/>
                </a:lnTo>
                <a:lnTo>
                  <a:pt x="2" y="1344"/>
                </a:lnTo>
                <a:lnTo>
                  <a:pt x="0" y="1318"/>
                </a:lnTo>
                <a:lnTo>
                  <a:pt x="0" y="1288"/>
                </a:lnTo>
                <a:lnTo>
                  <a:pt x="0" y="1288"/>
                </a:lnTo>
                <a:lnTo>
                  <a:pt x="1" y="1256"/>
                </a:lnTo>
                <a:lnTo>
                  <a:pt x="2" y="1223"/>
                </a:lnTo>
                <a:lnTo>
                  <a:pt x="4" y="1190"/>
                </a:lnTo>
                <a:lnTo>
                  <a:pt x="7" y="1158"/>
                </a:lnTo>
                <a:lnTo>
                  <a:pt x="10" y="1126"/>
                </a:lnTo>
                <a:lnTo>
                  <a:pt x="15" y="1094"/>
                </a:lnTo>
                <a:lnTo>
                  <a:pt x="19" y="1062"/>
                </a:lnTo>
                <a:lnTo>
                  <a:pt x="25" y="1030"/>
                </a:lnTo>
                <a:lnTo>
                  <a:pt x="32" y="999"/>
                </a:lnTo>
                <a:lnTo>
                  <a:pt x="40" y="969"/>
                </a:lnTo>
                <a:lnTo>
                  <a:pt x="48" y="938"/>
                </a:lnTo>
                <a:lnTo>
                  <a:pt x="56" y="908"/>
                </a:lnTo>
                <a:lnTo>
                  <a:pt x="65" y="878"/>
                </a:lnTo>
                <a:lnTo>
                  <a:pt x="76" y="848"/>
                </a:lnTo>
                <a:lnTo>
                  <a:pt x="87" y="818"/>
                </a:lnTo>
                <a:lnTo>
                  <a:pt x="99" y="789"/>
                </a:lnTo>
                <a:lnTo>
                  <a:pt x="110" y="761"/>
                </a:lnTo>
                <a:lnTo>
                  <a:pt x="123" y="733"/>
                </a:lnTo>
                <a:lnTo>
                  <a:pt x="137" y="704"/>
                </a:lnTo>
                <a:lnTo>
                  <a:pt x="150" y="678"/>
                </a:lnTo>
                <a:lnTo>
                  <a:pt x="165" y="650"/>
                </a:lnTo>
                <a:lnTo>
                  <a:pt x="182" y="623"/>
                </a:lnTo>
                <a:lnTo>
                  <a:pt x="197" y="597"/>
                </a:lnTo>
                <a:lnTo>
                  <a:pt x="214" y="570"/>
                </a:lnTo>
                <a:lnTo>
                  <a:pt x="231" y="545"/>
                </a:lnTo>
                <a:lnTo>
                  <a:pt x="248" y="520"/>
                </a:lnTo>
                <a:lnTo>
                  <a:pt x="267" y="496"/>
                </a:lnTo>
                <a:lnTo>
                  <a:pt x="285" y="471"/>
                </a:lnTo>
                <a:lnTo>
                  <a:pt x="305" y="447"/>
                </a:lnTo>
                <a:lnTo>
                  <a:pt x="326" y="424"/>
                </a:lnTo>
                <a:lnTo>
                  <a:pt x="345" y="402"/>
                </a:lnTo>
                <a:lnTo>
                  <a:pt x="367" y="379"/>
                </a:lnTo>
                <a:lnTo>
                  <a:pt x="388" y="358"/>
                </a:lnTo>
                <a:lnTo>
                  <a:pt x="410" y="337"/>
                </a:lnTo>
                <a:lnTo>
                  <a:pt x="433" y="316"/>
                </a:lnTo>
                <a:lnTo>
                  <a:pt x="456" y="296"/>
                </a:lnTo>
                <a:lnTo>
                  <a:pt x="479" y="277"/>
                </a:lnTo>
                <a:lnTo>
                  <a:pt x="503" y="258"/>
                </a:lnTo>
                <a:lnTo>
                  <a:pt x="527" y="240"/>
                </a:lnTo>
                <a:lnTo>
                  <a:pt x="552" y="221"/>
                </a:lnTo>
                <a:lnTo>
                  <a:pt x="577" y="204"/>
                </a:lnTo>
                <a:lnTo>
                  <a:pt x="603" y="188"/>
                </a:lnTo>
                <a:lnTo>
                  <a:pt x="628" y="172"/>
                </a:lnTo>
                <a:lnTo>
                  <a:pt x="655" y="157"/>
                </a:lnTo>
                <a:lnTo>
                  <a:pt x="683" y="142"/>
                </a:lnTo>
                <a:lnTo>
                  <a:pt x="709" y="128"/>
                </a:lnTo>
                <a:lnTo>
                  <a:pt x="737" y="114"/>
                </a:lnTo>
                <a:lnTo>
                  <a:pt x="764" y="101"/>
                </a:lnTo>
                <a:lnTo>
                  <a:pt x="793" y="90"/>
                </a:lnTo>
                <a:lnTo>
                  <a:pt x="822" y="78"/>
                </a:lnTo>
                <a:lnTo>
                  <a:pt x="851" y="68"/>
                </a:lnTo>
                <a:lnTo>
                  <a:pt x="879" y="59"/>
                </a:lnTo>
                <a:lnTo>
                  <a:pt x="909" y="50"/>
                </a:lnTo>
                <a:lnTo>
                  <a:pt x="939" y="40"/>
                </a:lnTo>
                <a:lnTo>
                  <a:pt x="969" y="33"/>
                </a:lnTo>
                <a:lnTo>
                  <a:pt x="1000" y="27"/>
                </a:lnTo>
                <a:lnTo>
                  <a:pt x="1031" y="20"/>
                </a:lnTo>
                <a:lnTo>
                  <a:pt x="1061" y="15"/>
                </a:lnTo>
                <a:lnTo>
                  <a:pt x="1094" y="10"/>
                </a:lnTo>
                <a:lnTo>
                  <a:pt x="1125" y="7"/>
                </a:lnTo>
                <a:lnTo>
                  <a:pt x="1157" y="4"/>
                </a:lnTo>
                <a:lnTo>
                  <a:pt x="1188" y="1"/>
                </a:lnTo>
                <a:lnTo>
                  <a:pt x="1220" y="0"/>
                </a:lnTo>
                <a:lnTo>
                  <a:pt x="1253" y="0"/>
                </a:lnTo>
                <a:lnTo>
                  <a:pt x="1255" y="0"/>
                </a:lnTo>
                <a:lnTo>
                  <a:pt x="1255" y="0"/>
                </a:lnTo>
                <a:lnTo>
                  <a:pt x="1230" y="1"/>
                </a:lnTo>
                <a:lnTo>
                  <a:pt x="1203" y="5"/>
                </a:lnTo>
                <a:lnTo>
                  <a:pt x="1179" y="12"/>
                </a:lnTo>
                <a:lnTo>
                  <a:pt x="1156" y="21"/>
                </a:lnTo>
                <a:lnTo>
                  <a:pt x="1133" y="31"/>
                </a:lnTo>
                <a:lnTo>
                  <a:pt x="1112" y="44"/>
                </a:lnTo>
                <a:lnTo>
                  <a:pt x="1092" y="59"/>
                </a:lnTo>
                <a:lnTo>
                  <a:pt x="1074" y="75"/>
                </a:lnTo>
                <a:lnTo>
                  <a:pt x="1058" y="93"/>
                </a:lnTo>
                <a:lnTo>
                  <a:pt x="1043" y="113"/>
                </a:lnTo>
                <a:lnTo>
                  <a:pt x="1030" y="135"/>
                </a:lnTo>
                <a:lnTo>
                  <a:pt x="1019" y="157"/>
                </a:lnTo>
                <a:lnTo>
                  <a:pt x="1011" y="181"/>
                </a:lnTo>
                <a:lnTo>
                  <a:pt x="1004" y="205"/>
                </a:lnTo>
                <a:lnTo>
                  <a:pt x="1000" y="231"/>
                </a:lnTo>
                <a:lnTo>
                  <a:pt x="999" y="257"/>
                </a:lnTo>
                <a:lnTo>
                  <a:pt x="999" y="257"/>
                </a:lnTo>
                <a:lnTo>
                  <a:pt x="1000" y="282"/>
                </a:lnTo>
                <a:lnTo>
                  <a:pt x="1004" y="307"/>
                </a:lnTo>
                <a:lnTo>
                  <a:pt x="1010" y="330"/>
                </a:lnTo>
                <a:lnTo>
                  <a:pt x="1018" y="353"/>
                </a:lnTo>
                <a:lnTo>
                  <a:pt x="1028" y="375"/>
                </a:lnTo>
                <a:lnTo>
                  <a:pt x="1039" y="395"/>
                </a:lnTo>
                <a:lnTo>
                  <a:pt x="1053" y="415"/>
                </a:lnTo>
                <a:lnTo>
                  <a:pt x="1068" y="432"/>
                </a:lnTo>
                <a:lnTo>
                  <a:pt x="1086" y="449"/>
                </a:lnTo>
                <a:lnTo>
                  <a:pt x="1104" y="463"/>
                </a:lnTo>
                <a:lnTo>
                  <a:pt x="1124" y="477"/>
                </a:lnTo>
                <a:lnTo>
                  <a:pt x="1144" y="489"/>
                </a:lnTo>
                <a:lnTo>
                  <a:pt x="1166" y="498"/>
                </a:lnTo>
                <a:lnTo>
                  <a:pt x="1189" y="505"/>
                </a:lnTo>
                <a:lnTo>
                  <a:pt x="1213" y="510"/>
                </a:lnTo>
                <a:lnTo>
                  <a:pt x="1238" y="513"/>
                </a:lnTo>
                <a:lnTo>
                  <a:pt x="1238" y="513"/>
                </a:lnTo>
                <a:close/>
              </a:path>
            </a:pathLst>
          </a:custGeom>
          <a:solidFill>
            <a:schemeClr val="accent3"/>
          </a:solidFill>
          <a:ln>
            <a:noFill/>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1" name="Freeform 9">
            <a:extLst>
              <a:ext uri="{FF2B5EF4-FFF2-40B4-BE49-F238E27FC236}">
                <a16:creationId xmlns:a16="http://schemas.microsoft.com/office/drawing/2014/main" id="{8C644B2F-CF7F-4925-B1E5-E49C35D6A435}"/>
              </a:ext>
            </a:extLst>
          </p:cNvPr>
          <p:cNvSpPr>
            <a:spLocks/>
          </p:cNvSpPr>
          <p:nvPr userDrawn="1"/>
        </p:nvSpPr>
        <p:spPr bwMode="auto">
          <a:xfrm>
            <a:off x="4766735" y="2679702"/>
            <a:ext cx="531284" cy="531284"/>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rgbClr val="FFCE5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2" name="Freeform 10">
            <a:extLst>
              <a:ext uri="{FF2B5EF4-FFF2-40B4-BE49-F238E27FC236}">
                <a16:creationId xmlns:a16="http://schemas.microsoft.com/office/drawing/2014/main" id="{2D30A59A-BC0A-4DAE-A388-A6FD5E3EF075}"/>
              </a:ext>
            </a:extLst>
          </p:cNvPr>
          <p:cNvSpPr>
            <a:spLocks/>
          </p:cNvSpPr>
          <p:nvPr userDrawn="1"/>
        </p:nvSpPr>
        <p:spPr bwMode="auto">
          <a:xfrm>
            <a:off x="5825069" y="1555751"/>
            <a:ext cx="1598084" cy="1305984"/>
          </a:xfrm>
          <a:custGeom>
            <a:avLst/>
            <a:gdLst>
              <a:gd name="T0" fmla="*/ 1508 w 1511"/>
              <a:gd name="T1" fmla="*/ 1198 h 1234"/>
              <a:gd name="T2" fmla="*/ 1485 w 1511"/>
              <a:gd name="T3" fmla="*/ 1134 h 1234"/>
              <a:gd name="T4" fmla="*/ 1445 w 1511"/>
              <a:gd name="T5" fmla="*/ 1079 h 1234"/>
              <a:gd name="T6" fmla="*/ 1394 w 1511"/>
              <a:gd name="T7" fmla="*/ 1036 h 1234"/>
              <a:gd name="T8" fmla="*/ 1330 w 1511"/>
              <a:gd name="T9" fmla="*/ 1008 h 1234"/>
              <a:gd name="T10" fmla="*/ 1261 w 1511"/>
              <a:gd name="T11" fmla="*/ 999 h 1234"/>
              <a:gd name="T12" fmla="*/ 1213 w 1511"/>
              <a:gd name="T13" fmla="*/ 1004 h 1234"/>
              <a:gd name="T14" fmla="*/ 1145 w 1511"/>
              <a:gd name="T15" fmla="*/ 1027 h 1234"/>
              <a:gd name="T16" fmla="*/ 1088 w 1511"/>
              <a:gd name="T17" fmla="*/ 1067 h 1234"/>
              <a:gd name="T18" fmla="*/ 1045 w 1511"/>
              <a:gd name="T19" fmla="*/ 1121 h 1234"/>
              <a:gd name="T20" fmla="*/ 1017 w 1511"/>
              <a:gd name="T21" fmla="*/ 1187 h 1234"/>
              <a:gd name="T22" fmla="*/ 1010 w 1511"/>
              <a:gd name="T23" fmla="*/ 1234 h 1234"/>
              <a:gd name="T24" fmla="*/ 995 w 1511"/>
              <a:gd name="T25" fmla="*/ 1126 h 1234"/>
              <a:gd name="T26" fmla="*/ 965 w 1511"/>
              <a:gd name="T27" fmla="*/ 1022 h 1234"/>
              <a:gd name="T28" fmla="*/ 923 w 1511"/>
              <a:gd name="T29" fmla="*/ 925 h 1234"/>
              <a:gd name="T30" fmla="*/ 868 w 1511"/>
              <a:gd name="T31" fmla="*/ 835 h 1234"/>
              <a:gd name="T32" fmla="*/ 803 w 1511"/>
              <a:gd name="T33" fmla="*/ 755 h 1234"/>
              <a:gd name="T34" fmla="*/ 728 w 1511"/>
              <a:gd name="T35" fmla="*/ 683 h 1234"/>
              <a:gd name="T36" fmla="*/ 643 w 1511"/>
              <a:gd name="T37" fmla="*/ 623 h 1234"/>
              <a:gd name="T38" fmla="*/ 551 w 1511"/>
              <a:gd name="T39" fmla="*/ 575 h 1234"/>
              <a:gd name="T40" fmla="*/ 452 w 1511"/>
              <a:gd name="T41" fmla="*/ 539 h 1234"/>
              <a:gd name="T42" fmla="*/ 347 w 1511"/>
              <a:gd name="T43" fmla="*/ 519 h 1234"/>
              <a:gd name="T44" fmla="*/ 273 w 1511"/>
              <a:gd name="T45" fmla="*/ 513 h 1234"/>
              <a:gd name="T46" fmla="*/ 254 w 1511"/>
              <a:gd name="T47" fmla="*/ 513 h 1234"/>
              <a:gd name="T48" fmla="*/ 214 w 1511"/>
              <a:gd name="T49" fmla="*/ 510 h 1234"/>
              <a:gd name="T50" fmla="*/ 145 w 1511"/>
              <a:gd name="T51" fmla="*/ 489 h 1234"/>
              <a:gd name="T52" fmla="*/ 87 w 1511"/>
              <a:gd name="T53" fmla="*/ 449 h 1234"/>
              <a:gd name="T54" fmla="*/ 40 w 1511"/>
              <a:gd name="T55" fmla="*/ 395 h 1234"/>
              <a:gd name="T56" fmla="*/ 11 w 1511"/>
              <a:gd name="T57" fmla="*/ 330 h 1234"/>
              <a:gd name="T58" fmla="*/ 0 w 1511"/>
              <a:gd name="T59" fmla="*/ 257 h 1234"/>
              <a:gd name="T60" fmla="*/ 5 w 1511"/>
              <a:gd name="T61" fmla="*/ 205 h 1234"/>
              <a:gd name="T62" fmla="*/ 31 w 1511"/>
              <a:gd name="T63" fmla="*/ 135 h 1234"/>
              <a:gd name="T64" fmla="*/ 75 w 1511"/>
              <a:gd name="T65" fmla="*/ 75 h 1234"/>
              <a:gd name="T66" fmla="*/ 134 w 1511"/>
              <a:gd name="T67" fmla="*/ 31 h 1234"/>
              <a:gd name="T68" fmla="*/ 204 w 1511"/>
              <a:gd name="T69" fmla="*/ 5 h 1234"/>
              <a:gd name="T70" fmla="*/ 257 w 1511"/>
              <a:gd name="T71" fmla="*/ 0 h 1234"/>
              <a:gd name="T72" fmla="*/ 259 w 1511"/>
              <a:gd name="T73" fmla="*/ 0 h 1234"/>
              <a:gd name="T74" fmla="*/ 353 w 1511"/>
              <a:gd name="T75" fmla="*/ 4 h 1234"/>
              <a:gd name="T76" fmla="*/ 444 w 1511"/>
              <a:gd name="T77" fmla="*/ 15 h 1234"/>
              <a:gd name="T78" fmla="*/ 533 w 1511"/>
              <a:gd name="T79" fmla="*/ 32 h 1234"/>
              <a:gd name="T80" fmla="*/ 620 w 1511"/>
              <a:gd name="T81" fmla="*/ 55 h 1234"/>
              <a:gd name="T82" fmla="*/ 705 w 1511"/>
              <a:gd name="T83" fmla="*/ 85 h 1234"/>
              <a:gd name="T84" fmla="*/ 786 w 1511"/>
              <a:gd name="T85" fmla="*/ 122 h 1234"/>
              <a:gd name="T86" fmla="*/ 865 w 1511"/>
              <a:gd name="T87" fmla="*/ 164 h 1234"/>
              <a:gd name="T88" fmla="*/ 940 w 1511"/>
              <a:gd name="T89" fmla="*/ 210 h 1234"/>
              <a:gd name="T90" fmla="*/ 1080 w 1511"/>
              <a:gd name="T91" fmla="*/ 318 h 1234"/>
              <a:gd name="T92" fmla="*/ 1204 w 1511"/>
              <a:gd name="T93" fmla="*/ 446 h 1234"/>
              <a:gd name="T94" fmla="*/ 1310 w 1511"/>
              <a:gd name="T95" fmla="*/ 589 h 1234"/>
              <a:gd name="T96" fmla="*/ 1382 w 1511"/>
              <a:gd name="T97" fmla="*/ 719 h 1234"/>
              <a:gd name="T98" fmla="*/ 1419 w 1511"/>
              <a:gd name="T99" fmla="*/ 802 h 1234"/>
              <a:gd name="T100" fmla="*/ 1450 w 1511"/>
              <a:gd name="T101" fmla="*/ 887 h 1234"/>
              <a:gd name="T102" fmla="*/ 1475 w 1511"/>
              <a:gd name="T103" fmla="*/ 976 h 1234"/>
              <a:gd name="T104" fmla="*/ 1494 w 1511"/>
              <a:gd name="T105" fmla="*/ 1066 h 1234"/>
              <a:gd name="T106" fmla="*/ 1506 w 1511"/>
              <a:gd name="T107" fmla="*/ 1158 h 1234"/>
              <a:gd name="T108" fmla="*/ 1511 w 1511"/>
              <a:gd name="T109" fmla="*/ 1221 h 12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Lst>
            <a:rect l="0" t="0" r="r" b="b"/>
            <a:pathLst>
              <a:path w="1511" h="1234">
                <a:moveTo>
                  <a:pt x="1511" y="1221"/>
                </a:moveTo>
                <a:lnTo>
                  <a:pt x="1511" y="1221"/>
                </a:lnTo>
                <a:lnTo>
                  <a:pt x="1508" y="1198"/>
                </a:lnTo>
                <a:lnTo>
                  <a:pt x="1502" y="1175"/>
                </a:lnTo>
                <a:lnTo>
                  <a:pt x="1494" y="1155"/>
                </a:lnTo>
                <a:lnTo>
                  <a:pt x="1485" y="1134"/>
                </a:lnTo>
                <a:lnTo>
                  <a:pt x="1473" y="1114"/>
                </a:lnTo>
                <a:lnTo>
                  <a:pt x="1459" y="1096"/>
                </a:lnTo>
                <a:lnTo>
                  <a:pt x="1445" y="1079"/>
                </a:lnTo>
                <a:lnTo>
                  <a:pt x="1429" y="1064"/>
                </a:lnTo>
                <a:lnTo>
                  <a:pt x="1412" y="1049"/>
                </a:lnTo>
                <a:lnTo>
                  <a:pt x="1394" y="1036"/>
                </a:lnTo>
                <a:lnTo>
                  <a:pt x="1373" y="1026"/>
                </a:lnTo>
                <a:lnTo>
                  <a:pt x="1352" y="1016"/>
                </a:lnTo>
                <a:lnTo>
                  <a:pt x="1330" y="1008"/>
                </a:lnTo>
                <a:lnTo>
                  <a:pt x="1308" y="1004"/>
                </a:lnTo>
                <a:lnTo>
                  <a:pt x="1285" y="1000"/>
                </a:lnTo>
                <a:lnTo>
                  <a:pt x="1261" y="999"/>
                </a:lnTo>
                <a:lnTo>
                  <a:pt x="1261" y="999"/>
                </a:lnTo>
                <a:lnTo>
                  <a:pt x="1236" y="1000"/>
                </a:lnTo>
                <a:lnTo>
                  <a:pt x="1213" y="1004"/>
                </a:lnTo>
                <a:lnTo>
                  <a:pt x="1189" y="1009"/>
                </a:lnTo>
                <a:lnTo>
                  <a:pt x="1167" y="1017"/>
                </a:lnTo>
                <a:lnTo>
                  <a:pt x="1145" y="1027"/>
                </a:lnTo>
                <a:lnTo>
                  <a:pt x="1125" y="1038"/>
                </a:lnTo>
                <a:lnTo>
                  <a:pt x="1106" y="1052"/>
                </a:lnTo>
                <a:lnTo>
                  <a:pt x="1088" y="1067"/>
                </a:lnTo>
                <a:lnTo>
                  <a:pt x="1072" y="1084"/>
                </a:lnTo>
                <a:lnTo>
                  <a:pt x="1057" y="1102"/>
                </a:lnTo>
                <a:lnTo>
                  <a:pt x="1045" y="1121"/>
                </a:lnTo>
                <a:lnTo>
                  <a:pt x="1034" y="1142"/>
                </a:lnTo>
                <a:lnTo>
                  <a:pt x="1025" y="1164"/>
                </a:lnTo>
                <a:lnTo>
                  <a:pt x="1017" y="1187"/>
                </a:lnTo>
                <a:lnTo>
                  <a:pt x="1012" y="1210"/>
                </a:lnTo>
                <a:lnTo>
                  <a:pt x="1010" y="1234"/>
                </a:lnTo>
                <a:lnTo>
                  <a:pt x="1010" y="1234"/>
                </a:lnTo>
                <a:lnTo>
                  <a:pt x="1007" y="1197"/>
                </a:lnTo>
                <a:lnTo>
                  <a:pt x="1001" y="1161"/>
                </a:lnTo>
                <a:lnTo>
                  <a:pt x="995" y="1126"/>
                </a:lnTo>
                <a:lnTo>
                  <a:pt x="987" y="1090"/>
                </a:lnTo>
                <a:lnTo>
                  <a:pt x="977" y="1057"/>
                </a:lnTo>
                <a:lnTo>
                  <a:pt x="965" y="1022"/>
                </a:lnTo>
                <a:lnTo>
                  <a:pt x="953" y="989"/>
                </a:lnTo>
                <a:lnTo>
                  <a:pt x="939" y="956"/>
                </a:lnTo>
                <a:lnTo>
                  <a:pt x="923" y="925"/>
                </a:lnTo>
                <a:lnTo>
                  <a:pt x="907" y="894"/>
                </a:lnTo>
                <a:lnTo>
                  <a:pt x="888" y="864"/>
                </a:lnTo>
                <a:lnTo>
                  <a:pt x="868" y="835"/>
                </a:lnTo>
                <a:lnTo>
                  <a:pt x="848" y="808"/>
                </a:lnTo>
                <a:lnTo>
                  <a:pt x="826" y="780"/>
                </a:lnTo>
                <a:lnTo>
                  <a:pt x="803" y="755"/>
                </a:lnTo>
                <a:lnTo>
                  <a:pt x="779" y="729"/>
                </a:lnTo>
                <a:lnTo>
                  <a:pt x="753" y="706"/>
                </a:lnTo>
                <a:lnTo>
                  <a:pt x="728" y="683"/>
                </a:lnTo>
                <a:lnTo>
                  <a:pt x="700" y="663"/>
                </a:lnTo>
                <a:lnTo>
                  <a:pt x="673" y="642"/>
                </a:lnTo>
                <a:lnTo>
                  <a:pt x="643" y="623"/>
                </a:lnTo>
                <a:lnTo>
                  <a:pt x="613" y="606"/>
                </a:lnTo>
                <a:lnTo>
                  <a:pt x="582" y="590"/>
                </a:lnTo>
                <a:lnTo>
                  <a:pt x="551" y="575"/>
                </a:lnTo>
                <a:lnTo>
                  <a:pt x="518" y="561"/>
                </a:lnTo>
                <a:lnTo>
                  <a:pt x="485" y="550"/>
                </a:lnTo>
                <a:lnTo>
                  <a:pt x="452" y="539"/>
                </a:lnTo>
                <a:lnTo>
                  <a:pt x="417" y="531"/>
                </a:lnTo>
                <a:lnTo>
                  <a:pt x="383" y="524"/>
                </a:lnTo>
                <a:lnTo>
                  <a:pt x="347" y="519"/>
                </a:lnTo>
                <a:lnTo>
                  <a:pt x="310" y="515"/>
                </a:lnTo>
                <a:lnTo>
                  <a:pt x="274" y="513"/>
                </a:lnTo>
                <a:lnTo>
                  <a:pt x="273" y="513"/>
                </a:lnTo>
                <a:lnTo>
                  <a:pt x="273" y="513"/>
                </a:lnTo>
                <a:lnTo>
                  <a:pt x="254" y="513"/>
                </a:lnTo>
                <a:lnTo>
                  <a:pt x="254" y="513"/>
                </a:lnTo>
                <a:lnTo>
                  <a:pt x="239" y="513"/>
                </a:lnTo>
                <a:lnTo>
                  <a:pt x="239" y="513"/>
                </a:lnTo>
                <a:lnTo>
                  <a:pt x="214" y="510"/>
                </a:lnTo>
                <a:lnTo>
                  <a:pt x="190" y="505"/>
                </a:lnTo>
                <a:lnTo>
                  <a:pt x="167" y="498"/>
                </a:lnTo>
                <a:lnTo>
                  <a:pt x="145" y="489"/>
                </a:lnTo>
                <a:lnTo>
                  <a:pt x="125" y="477"/>
                </a:lnTo>
                <a:lnTo>
                  <a:pt x="105" y="463"/>
                </a:lnTo>
                <a:lnTo>
                  <a:pt x="87" y="449"/>
                </a:lnTo>
                <a:lnTo>
                  <a:pt x="69" y="432"/>
                </a:lnTo>
                <a:lnTo>
                  <a:pt x="54" y="415"/>
                </a:lnTo>
                <a:lnTo>
                  <a:pt x="40" y="395"/>
                </a:lnTo>
                <a:lnTo>
                  <a:pt x="29" y="375"/>
                </a:lnTo>
                <a:lnTo>
                  <a:pt x="19" y="353"/>
                </a:lnTo>
                <a:lnTo>
                  <a:pt x="11" y="330"/>
                </a:lnTo>
                <a:lnTo>
                  <a:pt x="5" y="307"/>
                </a:lnTo>
                <a:lnTo>
                  <a:pt x="1" y="282"/>
                </a:lnTo>
                <a:lnTo>
                  <a:pt x="0" y="257"/>
                </a:lnTo>
                <a:lnTo>
                  <a:pt x="0" y="257"/>
                </a:lnTo>
                <a:lnTo>
                  <a:pt x="1" y="231"/>
                </a:lnTo>
                <a:lnTo>
                  <a:pt x="5" y="205"/>
                </a:lnTo>
                <a:lnTo>
                  <a:pt x="12" y="181"/>
                </a:lnTo>
                <a:lnTo>
                  <a:pt x="20" y="157"/>
                </a:lnTo>
                <a:lnTo>
                  <a:pt x="31" y="135"/>
                </a:lnTo>
                <a:lnTo>
                  <a:pt x="44" y="113"/>
                </a:lnTo>
                <a:lnTo>
                  <a:pt x="59" y="93"/>
                </a:lnTo>
                <a:lnTo>
                  <a:pt x="75" y="75"/>
                </a:lnTo>
                <a:lnTo>
                  <a:pt x="93" y="59"/>
                </a:lnTo>
                <a:lnTo>
                  <a:pt x="113" y="44"/>
                </a:lnTo>
                <a:lnTo>
                  <a:pt x="134" y="31"/>
                </a:lnTo>
                <a:lnTo>
                  <a:pt x="157" y="21"/>
                </a:lnTo>
                <a:lnTo>
                  <a:pt x="180" y="12"/>
                </a:lnTo>
                <a:lnTo>
                  <a:pt x="204" y="5"/>
                </a:lnTo>
                <a:lnTo>
                  <a:pt x="231" y="1"/>
                </a:lnTo>
                <a:lnTo>
                  <a:pt x="256" y="0"/>
                </a:lnTo>
                <a:lnTo>
                  <a:pt x="257" y="0"/>
                </a:lnTo>
                <a:lnTo>
                  <a:pt x="257" y="0"/>
                </a:lnTo>
                <a:lnTo>
                  <a:pt x="259" y="0"/>
                </a:lnTo>
                <a:lnTo>
                  <a:pt x="259" y="0"/>
                </a:lnTo>
                <a:lnTo>
                  <a:pt x="290" y="0"/>
                </a:lnTo>
                <a:lnTo>
                  <a:pt x="321" y="1"/>
                </a:lnTo>
                <a:lnTo>
                  <a:pt x="353" y="4"/>
                </a:lnTo>
                <a:lnTo>
                  <a:pt x="383" y="7"/>
                </a:lnTo>
                <a:lnTo>
                  <a:pt x="414" y="10"/>
                </a:lnTo>
                <a:lnTo>
                  <a:pt x="444" y="15"/>
                </a:lnTo>
                <a:lnTo>
                  <a:pt x="474" y="20"/>
                </a:lnTo>
                <a:lnTo>
                  <a:pt x="503" y="25"/>
                </a:lnTo>
                <a:lnTo>
                  <a:pt x="533" y="32"/>
                </a:lnTo>
                <a:lnTo>
                  <a:pt x="562" y="39"/>
                </a:lnTo>
                <a:lnTo>
                  <a:pt x="591" y="47"/>
                </a:lnTo>
                <a:lnTo>
                  <a:pt x="620" y="55"/>
                </a:lnTo>
                <a:lnTo>
                  <a:pt x="649" y="66"/>
                </a:lnTo>
                <a:lnTo>
                  <a:pt x="676" y="75"/>
                </a:lnTo>
                <a:lnTo>
                  <a:pt x="705" y="85"/>
                </a:lnTo>
                <a:lnTo>
                  <a:pt x="733" y="97"/>
                </a:lnTo>
                <a:lnTo>
                  <a:pt x="759" y="110"/>
                </a:lnTo>
                <a:lnTo>
                  <a:pt x="786" y="122"/>
                </a:lnTo>
                <a:lnTo>
                  <a:pt x="813" y="135"/>
                </a:lnTo>
                <a:lnTo>
                  <a:pt x="839" y="149"/>
                </a:lnTo>
                <a:lnTo>
                  <a:pt x="865" y="164"/>
                </a:lnTo>
                <a:lnTo>
                  <a:pt x="890" y="179"/>
                </a:lnTo>
                <a:lnTo>
                  <a:pt x="916" y="194"/>
                </a:lnTo>
                <a:lnTo>
                  <a:pt x="940" y="210"/>
                </a:lnTo>
                <a:lnTo>
                  <a:pt x="988" y="244"/>
                </a:lnTo>
                <a:lnTo>
                  <a:pt x="1035" y="280"/>
                </a:lnTo>
                <a:lnTo>
                  <a:pt x="1080" y="318"/>
                </a:lnTo>
                <a:lnTo>
                  <a:pt x="1123" y="360"/>
                </a:lnTo>
                <a:lnTo>
                  <a:pt x="1164" y="401"/>
                </a:lnTo>
                <a:lnTo>
                  <a:pt x="1204" y="446"/>
                </a:lnTo>
                <a:lnTo>
                  <a:pt x="1240" y="492"/>
                </a:lnTo>
                <a:lnTo>
                  <a:pt x="1276" y="539"/>
                </a:lnTo>
                <a:lnTo>
                  <a:pt x="1310" y="589"/>
                </a:lnTo>
                <a:lnTo>
                  <a:pt x="1341" y="640"/>
                </a:lnTo>
                <a:lnTo>
                  <a:pt x="1368" y="693"/>
                </a:lnTo>
                <a:lnTo>
                  <a:pt x="1382" y="719"/>
                </a:lnTo>
                <a:lnTo>
                  <a:pt x="1395" y="747"/>
                </a:lnTo>
                <a:lnTo>
                  <a:pt x="1407" y="774"/>
                </a:lnTo>
                <a:lnTo>
                  <a:pt x="1419" y="802"/>
                </a:lnTo>
                <a:lnTo>
                  <a:pt x="1429" y="830"/>
                </a:lnTo>
                <a:lnTo>
                  <a:pt x="1440" y="858"/>
                </a:lnTo>
                <a:lnTo>
                  <a:pt x="1450" y="887"/>
                </a:lnTo>
                <a:lnTo>
                  <a:pt x="1459" y="916"/>
                </a:lnTo>
                <a:lnTo>
                  <a:pt x="1467" y="946"/>
                </a:lnTo>
                <a:lnTo>
                  <a:pt x="1475" y="976"/>
                </a:lnTo>
                <a:lnTo>
                  <a:pt x="1482" y="1005"/>
                </a:lnTo>
                <a:lnTo>
                  <a:pt x="1488" y="1036"/>
                </a:lnTo>
                <a:lnTo>
                  <a:pt x="1494" y="1066"/>
                </a:lnTo>
                <a:lnTo>
                  <a:pt x="1498" y="1097"/>
                </a:lnTo>
                <a:lnTo>
                  <a:pt x="1503" y="1127"/>
                </a:lnTo>
                <a:lnTo>
                  <a:pt x="1506" y="1158"/>
                </a:lnTo>
                <a:lnTo>
                  <a:pt x="1509" y="1189"/>
                </a:lnTo>
                <a:lnTo>
                  <a:pt x="1511" y="1221"/>
                </a:lnTo>
                <a:lnTo>
                  <a:pt x="1511" y="1221"/>
                </a:lnTo>
                <a:close/>
              </a:path>
            </a:pathLst>
          </a:custGeom>
          <a:solidFill>
            <a:schemeClr val="accent4"/>
          </a:solidFill>
          <a:ln>
            <a:noFill/>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3" name="Freeform 11">
            <a:extLst>
              <a:ext uri="{FF2B5EF4-FFF2-40B4-BE49-F238E27FC236}">
                <a16:creationId xmlns:a16="http://schemas.microsoft.com/office/drawing/2014/main" id="{BA4343AF-828B-48FD-858A-7785728B0A3F}"/>
              </a:ext>
            </a:extLst>
          </p:cNvPr>
          <p:cNvSpPr>
            <a:spLocks/>
          </p:cNvSpPr>
          <p:nvPr userDrawn="1"/>
        </p:nvSpPr>
        <p:spPr bwMode="auto">
          <a:xfrm>
            <a:off x="5825068" y="1555751"/>
            <a:ext cx="541867" cy="541867"/>
          </a:xfrm>
          <a:custGeom>
            <a:avLst/>
            <a:gdLst>
              <a:gd name="T0" fmla="*/ 514 w 514"/>
              <a:gd name="T1" fmla="*/ 257 h 514"/>
              <a:gd name="T2" fmla="*/ 509 w 514"/>
              <a:gd name="T3" fmla="*/ 309 h 514"/>
              <a:gd name="T4" fmla="*/ 494 w 514"/>
              <a:gd name="T5" fmla="*/ 357 h 514"/>
              <a:gd name="T6" fmla="*/ 470 w 514"/>
              <a:gd name="T7" fmla="*/ 401 h 514"/>
              <a:gd name="T8" fmla="*/ 439 w 514"/>
              <a:gd name="T9" fmla="*/ 439 h 514"/>
              <a:gd name="T10" fmla="*/ 401 w 514"/>
              <a:gd name="T11" fmla="*/ 470 h 514"/>
              <a:gd name="T12" fmla="*/ 357 w 514"/>
              <a:gd name="T13" fmla="*/ 493 h 514"/>
              <a:gd name="T14" fmla="*/ 309 w 514"/>
              <a:gd name="T15" fmla="*/ 508 h 514"/>
              <a:gd name="T16" fmla="*/ 257 w 514"/>
              <a:gd name="T17" fmla="*/ 514 h 514"/>
              <a:gd name="T18" fmla="*/ 231 w 514"/>
              <a:gd name="T19" fmla="*/ 513 h 514"/>
              <a:gd name="T20" fmla="*/ 181 w 514"/>
              <a:gd name="T21" fmla="*/ 502 h 514"/>
              <a:gd name="T22" fmla="*/ 135 w 514"/>
              <a:gd name="T23" fmla="*/ 483 h 514"/>
              <a:gd name="T24" fmla="*/ 93 w 514"/>
              <a:gd name="T25" fmla="*/ 455 h 514"/>
              <a:gd name="T26" fmla="*/ 59 w 514"/>
              <a:gd name="T27" fmla="*/ 421 h 514"/>
              <a:gd name="T28" fmla="*/ 31 w 514"/>
              <a:gd name="T29" fmla="*/ 379 h 514"/>
              <a:gd name="T30" fmla="*/ 12 w 514"/>
              <a:gd name="T31" fmla="*/ 333 h 514"/>
              <a:gd name="T32" fmla="*/ 1 w 514"/>
              <a:gd name="T33" fmla="*/ 284 h 514"/>
              <a:gd name="T34" fmla="*/ 0 w 514"/>
              <a:gd name="T35" fmla="*/ 257 h 514"/>
              <a:gd name="T36" fmla="*/ 6 w 514"/>
              <a:gd name="T37" fmla="*/ 205 h 514"/>
              <a:gd name="T38" fmla="*/ 20 w 514"/>
              <a:gd name="T39" fmla="*/ 157 h 514"/>
              <a:gd name="T40" fmla="*/ 44 w 514"/>
              <a:gd name="T41" fmla="*/ 113 h 514"/>
              <a:gd name="T42" fmla="*/ 75 w 514"/>
              <a:gd name="T43" fmla="*/ 75 h 514"/>
              <a:gd name="T44" fmla="*/ 113 w 514"/>
              <a:gd name="T45" fmla="*/ 44 h 514"/>
              <a:gd name="T46" fmla="*/ 157 w 514"/>
              <a:gd name="T47" fmla="*/ 20 h 514"/>
              <a:gd name="T48" fmla="*/ 205 w 514"/>
              <a:gd name="T49" fmla="*/ 5 h 514"/>
              <a:gd name="T50" fmla="*/ 257 w 514"/>
              <a:gd name="T51" fmla="*/ 0 h 514"/>
              <a:gd name="T52" fmla="*/ 283 w 514"/>
              <a:gd name="T53" fmla="*/ 1 h 514"/>
              <a:gd name="T54" fmla="*/ 333 w 514"/>
              <a:gd name="T55" fmla="*/ 12 h 514"/>
              <a:gd name="T56" fmla="*/ 379 w 514"/>
              <a:gd name="T57" fmla="*/ 31 h 514"/>
              <a:gd name="T58" fmla="*/ 421 w 514"/>
              <a:gd name="T59" fmla="*/ 59 h 514"/>
              <a:gd name="T60" fmla="*/ 455 w 514"/>
              <a:gd name="T61" fmla="*/ 93 h 514"/>
              <a:gd name="T62" fmla="*/ 483 w 514"/>
              <a:gd name="T63" fmla="*/ 135 h 514"/>
              <a:gd name="T64" fmla="*/ 502 w 514"/>
              <a:gd name="T65" fmla="*/ 181 h 514"/>
              <a:gd name="T66" fmla="*/ 513 w 514"/>
              <a:gd name="T67" fmla="*/ 231 h 514"/>
              <a:gd name="T68" fmla="*/ 514 w 514"/>
              <a:gd name="T69" fmla="*/ 257 h 51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14" h="514">
                <a:moveTo>
                  <a:pt x="514" y="257"/>
                </a:moveTo>
                <a:lnTo>
                  <a:pt x="514" y="257"/>
                </a:lnTo>
                <a:lnTo>
                  <a:pt x="513" y="284"/>
                </a:lnTo>
                <a:lnTo>
                  <a:pt x="509" y="309"/>
                </a:lnTo>
                <a:lnTo>
                  <a:pt x="502" y="333"/>
                </a:lnTo>
                <a:lnTo>
                  <a:pt x="494" y="357"/>
                </a:lnTo>
                <a:lnTo>
                  <a:pt x="483" y="379"/>
                </a:lnTo>
                <a:lnTo>
                  <a:pt x="470" y="401"/>
                </a:lnTo>
                <a:lnTo>
                  <a:pt x="455" y="421"/>
                </a:lnTo>
                <a:lnTo>
                  <a:pt x="439" y="439"/>
                </a:lnTo>
                <a:lnTo>
                  <a:pt x="421" y="455"/>
                </a:lnTo>
                <a:lnTo>
                  <a:pt x="401" y="470"/>
                </a:lnTo>
                <a:lnTo>
                  <a:pt x="379" y="483"/>
                </a:lnTo>
                <a:lnTo>
                  <a:pt x="357" y="493"/>
                </a:lnTo>
                <a:lnTo>
                  <a:pt x="333" y="502"/>
                </a:lnTo>
                <a:lnTo>
                  <a:pt x="309" y="508"/>
                </a:lnTo>
                <a:lnTo>
                  <a:pt x="283" y="513"/>
                </a:lnTo>
                <a:lnTo>
                  <a:pt x="257" y="514"/>
                </a:lnTo>
                <a:lnTo>
                  <a:pt x="257" y="514"/>
                </a:lnTo>
                <a:lnTo>
                  <a:pt x="231" y="513"/>
                </a:lnTo>
                <a:lnTo>
                  <a:pt x="205" y="508"/>
                </a:lnTo>
                <a:lnTo>
                  <a:pt x="181" y="502"/>
                </a:lnTo>
                <a:lnTo>
                  <a:pt x="157" y="493"/>
                </a:lnTo>
                <a:lnTo>
                  <a:pt x="135" y="483"/>
                </a:lnTo>
                <a:lnTo>
                  <a:pt x="113" y="470"/>
                </a:lnTo>
                <a:lnTo>
                  <a:pt x="93" y="455"/>
                </a:lnTo>
                <a:lnTo>
                  <a:pt x="75" y="439"/>
                </a:lnTo>
                <a:lnTo>
                  <a:pt x="59" y="421"/>
                </a:lnTo>
                <a:lnTo>
                  <a:pt x="44" y="401"/>
                </a:lnTo>
                <a:lnTo>
                  <a:pt x="31" y="379"/>
                </a:lnTo>
                <a:lnTo>
                  <a:pt x="20" y="357"/>
                </a:lnTo>
                <a:lnTo>
                  <a:pt x="12" y="333"/>
                </a:lnTo>
                <a:lnTo>
                  <a:pt x="6" y="309"/>
                </a:lnTo>
                <a:lnTo>
                  <a:pt x="1" y="284"/>
                </a:lnTo>
                <a:lnTo>
                  <a:pt x="0" y="257"/>
                </a:lnTo>
                <a:lnTo>
                  <a:pt x="0" y="257"/>
                </a:lnTo>
                <a:lnTo>
                  <a:pt x="1" y="231"/>
                </a:lnTo>
                <a:lnTo>
                  <a:pt x="6" y="205"/>
                </a:lnTo>
                <a:lnTo>
                  <a:pt x="12" y="181"/>
                </a:lnTo>
                <a:lnTo>
                  <a:pt x="20" y="157"/>
                </a:lnTo>
                <a:lnTo>
                  <a:pt x="31" y="135"/>
                </a:lnTo>
                <a:lnTo>
                  <a:pt x="44" y="113"/>
                </a:lnTo>
                <a:lnTo>
                  <a:pt x="59" y="93"/>
                </a:lnTo>
                <a:lnTo>
                  <a:pt x="75" y="75"/>
                </a:lnTo>
                <a:lnTo>
                  <a:pt x="93" y="59"/>
                </a:lnTo>
                <a:lnTo>
                  <a:pt x="113" y="44"/>
                </a:lnTo>
                <a:lnTo>
                  <a:pt x="135" y="31"/>
                </a:lnTo>
                <a:lnTo>
                  <a:pt x="157" y="20"/>
                </a:lnTo>
                <a:lnTo>
                  <a:pt x="181" y="12"/>
                </a:lnTo>
                <a:lnTo>
                  <a:pt x="205" y="5"/>
                </a:lnTo>
                <a:lnTo>
                  <a:pt x="231" y="1"/>
                </a:lnTo>
                <a:lnTo>
                  <a:pt x="257" y="0"/>
                </a:lnTo>
                <a:lnTo>
                  <a:pt x="257" y="0"/>
                </a:lnTo>
                <a:lnTo>
                  <a:pt x="283" y="1"/>
                </a:lnTo>
                <a:lnTo>
                  <a:pt x="309" y="5"/>
                </a:lnTo>
                <a:lnTo>
                  <a:pt x="333" y="12"/>
                </a:lnTo>
                <a:lnTo>
                  <a:pt x="357" y="20"/>
                </a:lnTo>
                <a:lnTo>
                  <a:pt x="379" y="31"/>
                </a:lnTo>
                <a:lnTo>
                  <a:pt x="401" y="44"/>
                </a:lnTo>
                <a:lnTo>
                  <a:pt x="421" y="59"/>
                </a:lnTo>
                <a:lnTo>
                  <a:pt x="439" y="75"/>
                </a:lnTo>
                <a:lnTo>
                  <a:pt x="455" y="93"/>
                </a:lnTo>
                <a:lnTo>
                  <a:pt x="470" y="113"/>
                </a:lnTo>
                <a:lnTo>
                  <a:pt x="483" y="135"/>
                </a:lnTo>
                <a:lnTo>
                  <a:pt x="494" y="157"/>
                </a:lnTo>
                <a:lnTo>
                  <a:pt x="502" y="181"/>
                </a:lnTo>
                <a:lnTo>
                  <a:pt x="509" y="205"/>
                </a:lnTo>
                <a:lnTo>
                  <a:pt x="513" y="231"/>
                </a:lnTo>
                <a:lnTo>
                  <a:pt x="514" y="257"/>
                </a:lnTo>
                <a:lnTo>
                  <a:pt x="514" y="257"/>
                </a:lnTo>
                <a:close/>
              </a:path>
            </a:pathLst>
          </a:custGeom>
          <a:solidFill>
            <a:srgbClr val="A1D469"/>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4" name="Freeform 12">
            <a:extLst>
              <a:ext uri="{FF2B5EF4-FFF2-40B4-BE49-F238E27FC236}">
                <a16:creationId xmlns:a16="http://schemas.microsoft.com/office/drawing/2014/main" id="{C29B16EE-CA13-4B92-9E77-71DB3D8BE584}"/>
              </a:ext>
            </a:extLst>
          </p:cNvPr>
          <p:cNvSpPr>
            <a:spLocks/>
          </p:cNvSpPr>
          <p:nvPr userDrawn="1"/>
        </p:nvSpPr>
        <p:spPr bwMode="auto">
          <a:xfrm>
            <a:off x="6891868" y="2611968"/>
            <a:ext cx="533400" cy="533400"/>
          </a:xfrm>
          <a:custGeom>
            <a:avLst/>
            <a:gdLst>
              <a:gd name="T0" fmla="*/ 504 w 504"/>
              <a:gd name="T1" fmla="*/ 251 h 504"/>
              <a:gd name="T2" fmla="*/ 499 w 504"/>
              <a:gd name="T3" fmla="*/ 302 h 504"/>
              <a:gd name="T4" fmla="*/ 484 w 504"/>
              <a:gd name="T5" fmla="*/ 350 h 504"/>
              <a:gd name="T6" fmla="*/ 461 w 504"/>
              <a:gd name="T7" fmla="*/ 393 h 504"/>
              <a:gd name="T8" fmla="*/ 431 w 504"/>
              <a:gd name="T9" fmla="*/ 430 h 504"/>
              <a:gd name="T10" fmla="*/ 393 w 504"/>
              <a:gd name="T11" fmla="*/ 461 h 504"/>
              <a:gd name="T12" fmla="*/ 350 w 504"/>
              <a:gd name="T13" fmla="*/ 484 h 504"/>
              <a:gd name="T14" fmla="*/ 303 w 504"/>
              <a:gd name="T15" fmla="*/ 499 h 504"/>
              <a:gd name="T16" fmla="*/ 252 w 504"/>
              <a:gd name="T17" fmla="*/ 504 h 504"/>
              <a:gd name="T18" fmla="*/ 227 w 504"/>
              <a:gd name="T19" fmla="*/ 502 h 504"/>
              <a:gd name="T20" fmla="*/ 177 w 504"/>
              <a:gd name="T21" fmla="*/ 492 h 504"/>
              <a:gd name="T22" fmla="*/ 132 w 504"/>
              <a:gd name="T23" fmla="*/ 474 h 504"/>
              <a:gd name="T24" fmla="*/ 92 w 504"/>
              <a:gd name="T25" fmla="*/ 446 h 504"/>
              <a:gd name="T26" fmla="*/ 58 w 504"/>
              <a:gd name="T27" fmla="*/ 413 h 504"/>
              <a:gd name="T28" fmla="*/ 31 w 504"/>
              <a:gd name="T29" fmla="*/ 372 h 504"/>
              <a:gd name="T30" fmla="*/ 12 w 504"/>
              <a:gd name="T31" fmla="*/ 326 h 504"/>
              <a:gd name="T32" fmla="*/ 1 w 504"/>
              <a:gd name="T33" fmla="*/ 278 h 504"/>
              <a:gd name="T34" fmla="*/ 0 w 504"/>
              <a:gd name="T35" fmla="*/ 251 h 504"/>
              <a:gd name="T36" fmla="*/ 6 w 504"/>
              <a:gd name="T37" fmla="*/ 201 h 504"/>
              <a:gd name="T38" fmla="*/ 20 w 504"/>
              <a:gd name="T39" fmla="*/ 153 h 504"/>
              <a:gd name="T40" fmla="*/ 44 w 504"/>
              <a:gd name="T41" fmla="*/ 111 h 504"/>
              <a:gd name="T42" fmla="*/ 74 w 504"/>
              <a:gd name="T43" fmla="*/ 74 h 504"/>
              <a:gd name="T44" fmla="*/ 112 w 504"/>
              <a:gd name="T45" fmla="*/ 43 h 504"/>
              <a:gd name="T46" fmla="*/ 154 w 504"/>
              <a:gd name="T47" fmla="*/ 20 h 504"/>
              <a:gd name="T48" fmla="*/ 202 w 504"/>
              <a:gd name="T49" fmla="*/ 5 h 504"/>
              <a:gd name="T50" fmla="*/ 252 w 504"/>
              <a:gd name="T51" fmla="*/ 0 h 504"/>
              <a:gd name="T52" fmla="*/ 278 w 504"/>
              <a:gd name="T53" fmla="*/ 1 h 504"/>
              <a:gd name="T54" fmla="*/ 327 w 504"/>
              <a:gd name="T55" fmla="*/ 12 h 504"/>
              <a:gd name="T56" fmla="*/ 372 w 504"/>
              <a:gd name="T57" fmla="*/ 30 h 504"/>
              <a:gd name="T58" fmla="*/ 412 w 504"/>
              <a:gd name="T59" fmla="*/ 58 h 504"/>
              <a:gd name="T60" fmla="*/ 447 w 504"/>
              <a:gd name="T61" fmla="*/ 91 h 504"/>
              <a:gd name="T62" fmla="*/ 473 w 504"/>
              <a:gd name="T63" fmla="*/ 131 h 504"/>
              <a:gd name="T64" fmla="*/ 493 w 504"/>
              <a:gd name="T65" fmla="*/ 176 h 504"/>
              <a:gd name="T66" fmla="*/ 502 w 504"/>
              <a:gd name="T67" fmla="*/ 226 h 504"/>
              <a:gd name="T68" fmla="*/ 504 w 504"/>
              <a:gd name="T69" fmla="*/ 251 h 50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4" h="504">
                <a:moveTo>
                  <a:pt x="504" y="251"/>
                </a:moveTo>
                <a:lnTo>
                  <a:pt x="504" y="251"/>
                </a:lnTo>
                <a:lnTo>
                  <a:pt x="502" y="278"/>
                </a:lnTo>
                <a:lnTo>
                  <a:pt x="499" y="302"/>
                </a:lnTo>
                <a:lnTo>
                  <a:pt x="493" y="326"/>
                </a:lnTo>
                <a:lnTo>
                  <a:pt x="484" y="350"/>
                </a:lnTo>
                <a:lnTo>
                  <a:pt x="473" y="372"/>
                </a:lnTo>
                <a:lnTo>
                  <a:pt x="461" y="393"/>
                </a:lnTo>
                <a:lnTo>
                  <a:pt x="447" y="413"/>
                </a:lnTo>
                <a:lnTo>
                  <a:pt x="431" y="430"/>
                </a:lnTo>
                <a:lnTo>
                  <a:pt x="412" y="446"/>
                </a:lnTo>
                <a:lnTo>
                  <a:pt x="393" y="461"/>
                </a:lnTo>
                <a:lnTo>
                  <a:pt x="372" y="474"/>
                </a:lnTo>
                <a:lnTo>
                  <a:pt x="350" y="484"/>
                </a:lnTo>
                <a:lnTo>
                  <a:pt x="327" y="492"/>
                </a:lnTo>
                <a:lnTo>
                  <a:pt x="303" y="499"/>
                </a:lnTo>
                <a:lnTo>
                  <a:pt x="278" y="502"/>
                </a:lnTo>
                <a:lnTo>
                  <a:pt x="252" y="504"/>
                </a:lnTo>
                <a:lnTo>
                  <a:pt x="252" y="504"/>
                </a:lnTo>
                <a:lnTo>
                  <a:pt x="227" y="502"/>
                </a:lnTo>
                <a:lnTo>
                  <a:pt x="202" y="499"/>
                </a:lnTo>
                <a:lnTo>
                  <a:pt x="177" y="492"/>
                </a:lnTo>
                <a:lnTo>
                  <a:pt x="154" y="484"/>
                </a:lnTo>
                <a:lnTo>
                  <a:pt x="132" y="474"/>
                </a:lnTo>
                <a:lnTo>
                  <a:pt x="112" y="461"/>
                </a:lnTo>
                <a:lnTo>
                  <a:pt x="92" y="446"/>
                </a:lnTo>
                <a:lnTo>
                  <a:pt x="74" y="430"/>
                </a:lnTo>
                <a:lnTo>
                  <a:pt x="58" y="413"/>
                </a:lnTo>
                <a:lnTo>
                  <a:pt x="44" y="393"/>
                </a:lnTo>
                <a:lnTo>
                  <a:pt x="31" y="372"/>
                </a:lnTo>
                <a:lnTo>
                  <a:pt x="20" y="350"/>
                </a:lnTo>
                <a:lnTo>
                  <a:pt x="12" y="326"/>
                </a:lnTo>
                <a:lnTo>
                  <a:pt x="6" y="302"/>
                </a:lnTo>
                <a:lnTo>
                  <a:pt x="1" y="278"/>
                </a:lnTo>
                <a:lnTo>
                  <a:pt x="0" y="251"/>
                </a:lnTo>
                <a:lnTo>
                  <a:pt x="0" y="251"/>
                </a:lnTo>
                <a:lnTo>
                  <a:pt x="1" y="226"/>
                </a:lnTo>
                <a:lnTo>
                  <a:pt x="6" y="201"/>
                </a:lnTo>
                <a:lnTo>
                  <a:pt x="12" y="176"/>
                </a:lnTo>
                <a:lnTo>
                  <a:pt x="20" y="153"/>
                </a:lnTo>
                <a:lnTo>
                  <a:pt x="31" y="131"/>
                </a:lnTo>
                <a:lnTo>
                  <a:pt x="44" y="111"/>
                </a:lnTo>
                <a:lnTo>
                  <a:pt x="58" y="91"/>
                </a:lnTo>
                <a:lnTo>
                  <a:pt x="74" y="74"/>
                </a:lnTo>
                <a:lnTo>
                  <a:pt x="92" y="58"/>
                </a:lnTo>
                <a:lnTo>
                  <a:pt x="112" y="43"/>
                </a:lnTo>
                <a:lnTo>
                  <a:pt x="132" y="30"/>
                </a:lnTo>
                <a:lnTo>
                  <a:pt x="154" y="20"/>
                </a:lnTo>
                <a:lnTo>
                  <a:pt x="177" y="12"/>
                </a:lnTo>
                <a:lnTo>
                  <a:pt x="202" y="5"/>
                </a:lnTo>
                <a:lnTo>
                  <a:pt x="227" y="1"/>
                </a:lnTo>
                <a:lnTo>
                  <a:pt x="252" y="0"/>
                </a:lnTo>
                <a:lnTo>
                  <a:pt x="252" y="0"/>
                </a:lnTo>
                <a:lnTo>
                  <a:pt x="278" y="1"/>
                </a:lnTo>
                <a:lnTo>
                  <a:pt x="303" y="5"/>
                </a:lnTo>
                <a:lnTo>
                  <a:pt x="327" y="12"/>
                </a:lnTo>
                <a:lnTo>
                  <a:pt x="350" y="20"/>
                </a:lnTo>
                <a:lnTo>
                  <a:pt x="372" y="30"/>
                </a:lnTo>
                <a:lnTo>
                  <a:pt x="393" y="43"/>
                </a:lnTo>
                <a:lnTo>
                  <a:pt x="412" y="58"/>
                </a:lnTo>
                <a:lnTo>
                  <a:pt x="431" y="74"/>
                </a:lnTo>
                <a:lnTo>
                  <a:pt x="447" y="91"/>
                </a:lnTo>
                <a:lnTo>
                  <a:pt x="461" y="111"/>
                </a:lnTo>
                <a:lnTo>
                  <a:pt x="473" y="131"/>
                </a:lnTo>
                <a:lnTo>
                  <a:pt x="484" y="153"/>
                </a:lnTo>
                <a:lnTo>
                  <a:pt x="493" y="176"/>
                </a:lnTo>
                <a:lnTo>
                  <a:pt x="499" y="201"/>
                </a:lnTo>
                <a:lnTo>
                  <a:pt x="502" y="226"/>
                </a:lnTo>
                <a:lnTo>
                  <a:pt x="504" y="251"/>
                </a:lnTo>
                <a:lnTo>
                  <a:pt x="504" y="251"/>
                </a:lnTo>
                <a:close/>
              </a:path>
            </a:pathLst>
          </a:custGeom>
          <a:solidFill>
            <a:srgbClr val="49CFAE"/>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5" name="Freeform 13">
            <a:extLst>
              <a:ext uri="{FF2B5EF4-FFF2-40B4-BE49-F238E27FC236}">
                <a16:creationId xmlns:a16="http://schemas.microsoft.com/office/drawing/2014/main" id="{CD3D90DC-5AB4-43B6-9317-0CD304004DD4}"/>
              </a:ext>
            </a:extLst>
          </p:cNvPr>
          <p:cNvSpPr>
            <a:spLocks/>
          </p:cNvSpPr>
          <p:nvPr userDrawn="1"/>
        </p:nvSpPr>
        <p:spPr bwMode="auto">
          <a:xfrm>
            <a:off x="5778502" y="3835402"/>
            <a:ext cx="893233" cy="1007533"/>
          </a:xfrm>
          <a:custGeom>
            <a:avLst/>
            <a:gdLst>
              <a:gd name="T0" fmla="*/ 845 w 845"/>
              <a:gd name="T1" fmla="*/ 251 h 952"/>
              <a:gd name="T2" fmla="*/ 845 w 845"/>
              <a:gd name="T3" fmla="*/ 251 h 952"/>
              <a:gd name="T4" fmla="*/ 843 w 845"/>
              <a:gd name="T5" fmla="*/ 276 h 952"/>
              <a:gd name="T6" fmla="*/ 839 w 845"/>
              <a:gd name="T7" fmla="*/ 301 h 952"/>
              <a:gd name="T8" fmla="*/ 833 w 845"/>
              <a:gd name="T9" fmla="*/ 324 h 952"/>
              <a:gd name="T10" fmla="*/ 826 w 845"/>
              <a:gd name="T11" fmla="*/ 345 h 952"/>
              <a:gd name="T12" fmla="*/ 816 w 845"/>
              <a:gd name="T13" fmla="*/ 367 h 952"/>
              <a:gd name="T14" fmla="*/ 804 w 845"/>
              <a:gd name="T15" fmla="*/ 387 h 952"/>
              <a:gd name="T16" fmla="*/ 790 w 845"/>
              <a:gd name="T17" fmla="*/ 407 h 952"/>
              <a:gd name="T18" fmla="*/ 775 w 845"/>
              <a:gd name="T19" fmla="*/ 424 h 952"/>
              <a:gd name="T20" fmla="*/ 751 w 845"/>
              <a:gd name="T21" fmla="*/ 447 h 952"/>
              <a:gd name="T22" fmla="*/ 554 w 845"/>
              <a:gd name="T23" fmla="*/ 631 h 952"/>
              <a:gd name="T24" fmla="*/ 554 w 845"/>
              <a:gd name="T25" fmla="*/ 952 h 952"/>
              <a:gd name="T26" fmla="*/ 0 w 845"/>
              <a:gd name="T27" fmla="*/ 952 h 952"/>
              <a:gd name="T28" fmla="*/ 0 w 845"/>
              <a:gd name="T29" fmla="*/ 824 h 952"/>
              <a:gd name="T30" fmla="*/ 6 w 845"/>
              <a:gd name="T31" fmla="*/ 462 h 952"/>
              <a:gd name="T32" fmla="*/ 88 w 845"/>
              <a:gd name="T33" fmla="*/ 386 h 952"/>
              <a:gd name="T34" fmla="*/ 407 w 845"/>
              <a:gd name="T35" fmla="*/ 82 h 952"/>
              <a:gd name="T36" fmla="*/ 430 w 845"/>
              <a:gd name="T37" fmla="*/ 59 h 952"/>
              <a:gd name="T38" fmla="*/ 430 w 845"/>
              <a:gd name="T39" fmla="*/ 59 h 952"/>
              <a:gd name="T40" fmla="*/ 447 w 845"/>
              <a:gd name="T41" fmla="*/ 46 h 952"/>
              <a:gd name="T42" fmla="*/ 466 w 845"/>
              <a:gd name="T43" fmla="*/ 33 h 952"/>
              <a:gd name="T44" fmla="*/ 484 w 845"/>
              <a:gd name="T45" fmla="*/ 24 h 952"/>
              <a:gd name="T46" fmla="*/ 505 w 845"/>
              <a:gd name="T47" fmla="*/ 15 h 952"/>
              <a:gd name="T48" fmla="*/ 526 w 845"/>
              <a:gd name="T49" fmla="*/ 9 h 952"/>
              <a:gd name="T50" fmla="*/ 547 w 845"/>
              <a:gd name="T51" fmla="*/ 3 h 952"/>
              <a:gd name="T52" fmla="*/ 569 w 845"/>
              <a:gd name="T53" fmla="*/ 1 h 952"/>
              <a:gd name="T54" fmla="*/ 592 w 845"/>
              <a:gd name="T55" fmla="*/ 0 h 952"/>
              <a:gd name="T56" fmla="*/ 592 w 845"/>
              <a:gd name="T57" fmla="*/ 0 h 952"/>
              <a:gd name="T58" fmla="*/ 618 w 845"/>
              <a:gd name="T59" fmla="*/ 1 h 952"/>
              <a:gd name="T60" fmla="*/ 643 w 845"/>
              <a:gd name="T61" fmla="*/ 4 h 952"/>
              <a:gd name="T62" fmla="*/ 667 w 845"/>
              <a:gd name="T63" fmla="*/ 11 h 952"/>
              <a:gd name="T64" fmla="*/ 690 w 845"/>
              <a:gd name="T65" fmla="*/ 19 h 952"/>
              <a:gd name="T66" fmla="*/ 712 w 845"/>
              <a:gd name="T67" fmla="*/ 30 h 952"/>
              <a:gd name="T68" fmla="*/ 733 w 845"/>
              <a:gd name="T69" fmla="*/ 42 h 952"/>
              <a:gd name="T70" fmla="*/ 752 w 845"/>
              <a:gd name="T71" fmla="*/ 57 h 952"/>
              <a:gd name="T72" fmla="*/ 771 w 845"/>
              <a:gd name="T73" fmla="*/ 74 h 952"/>
              <a:gd name="T74" fmla="*/ 787 w 845"/>
              <a:gd name="T75" fmla="*/ 91 h 952"/>
              <a:gd name="T76" fmla="*/ 801 w 845"/>
              <a:gd name="T77" fmla="*/ 110 h 952"/>
              <a:gd name="T78" fmla="*/ 813 w 845"/>
              <a:gd name="T79" fmla="*/ 131 h 952"/>
              <a:gd name="T80" fmla="*/ 824 w 845"/>
              <a:gd name="T81" fmla="*/ 153 h 952"/>
              <a:gd name="T82" fmla="*/ 833 w 845"/>
              <a:gd name="T83" fmla="*/ 176 h 952"/>
              <a:gd name="T84" fmla="*/ 839 w 845"/>
              <a:gd name="T85" fmla="*/ 200 h 952"/>
              <a:gd name="T86" fmla="*/ 842 w 845"/>
              <a:gd name="T87" fmla="*/ 226 h 952"/>
              <a:gd name="T88" fmla="*/ 845 w 845"/>
              <a:gd name="T89" fmla="*/ 251 h 952"/>
              <a:gd name="T90" fmla="*/ 845 w 845"/>
              <a:gd name="T91" fmla="*/ 251 h 95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Lst>
            <a:rect l="0" t="0" r="r" b="b"/>
            <a:pathLst>
              <a:path w="845" h="952">
                <a:moveTo>
                  <a:pt x="845" y="251"/>
                </a:moveTo>
                <a:lnTo>
                  <a:pt x="845" y="251"/>
                </a:lnTo>
                <a:lnTo>
                  <a:pt x="843" y="276"/>
                </a:lnTo>
                <a:lnTo>
                  <a:pt x="839" y="301"/>
                </a:lnTo>
                <a:lnTo>
                  <a:pt x="833" y="324"/>
                </a:lnTo>
                <a:lnTo>
                  <a:pt x="826" y="345"/>
                </a:lnTo>
                <a:lnTo>
                  <a:pt x="816" y="367"/>
                </a:lnTo>
                <a:lnTo>
                  <a:pt x="804" y="387"/>
                </a:lnTo>
                <a:lnTo>
                  <a:pt x="790" y="407"/>
                </a:lnTo>
                <a:lnTo>
                  <a:pt x="775" y="424"/>
                </a:lnTo>
                <a:lnTo>
                  <a:pt x="751" y="447"/>
                </a:lnTo>
                <a:lnTo>
                  <a:pt x="554" y="631"/>
                </a:lnTo>
                <a:lnTo>
                  <a:pt x="554" y="952"/>
                </a:lnTo>
                <a:lnTo>
                  <a:pt x="0" y="952"/>
                </a:lnTo>
                <a:lnTo>
                  <a:pt x="0" y="824"/>
                </a:lnTo>
                <a:lnTo>
                  <a:pt x="6" y="462"/>
                </a:lnTo>
                <a:lnTo>
                  <a:pt x="88" y="386"/>
                </a:lnTo>
                <a:lnTo>
                  <a:pt x="407" y="82"/>
                </a:lnTo>
                <a:lnTo>
                  <a:pt x="430" y="59"/>
                </a:lnTo>
                <a:lnTo>
                  <a:pt x="430" y="59"/>
                </a:lnTo>
                <a:lnTo>
                  <a:pt x="447" y="46"/>
                </a:lnTo>
                <a:lnTo>
                  <a:pt x="466" y="33"/>
                </a:lnTo>
                <a:lnTo>
                  <a:pt x="484" y="24"/>
                </a:lnTo>
                <a:lnTo>
                  <a:pt x="505" y="15"/>
                </a:lnTo>
                <a:lnTo>
                  <a:pt x="526" y="9"/>
                </a:lnTo>
                <a:lnTo>
                  <a:pt x="547" y="3"/>
                </a:lnTo>
                <a:lnTo>
                  <a:pt x="569" y="1"/>
                </a:lnTo>
                <a:lnTo>
                  <a:pt x="592" y="0"/>
                </a:lnTo>
                <a:lnTo>
                  <a:pt x="592" y="0"/>
                </a:lnTo>
                <a:lnTo>
                  <a:pt x="618" y="1"/>
                </a:lnTo>
                <a:lnTo>
                  <a:pt x="643" y="4"/>
                </a:lnTo>
                <a:lnTo>
                  <a:pt x="667" y="11"/>
                </a:lnTo>
                <a:lnTo>
                  <a:pt x="690" y="19"/>
                </a:lnTo>
                <a:lnTo>
                  <a:pt x="712" y="30"/>
                </a:lnTo>
                <a:lnTo>
                  <a:pt x="733" y="42"/>
                </a:lnTo>
                <a:lnTo>
                  <a:pt x="752" y="57"/>
                </a:lnTo>
                <a:lnTo>
                  <a:pt x="771" y="74"/>
                </a:lnTo>
                <a:lnTo>
                  <a:pt x="787" y="91"/>
                </a:lnTo>
                <a:lnTo>
                  <a:pt x="801" y="110"/>
                </a:lnTo>
                <a:lnTo>
                  <a:pt x="813" y="131"/>
                </a:lnTo>
                <a:lnTo>
                  <a:pt x="824" y="153"/>
                </a:lnTo>
                <a:lnTo>
                  <a:pt x="833" y="176"/>
                </a:lnTo>
                <a:lnTo>
                  <a:pt x="839" y="200"/>
                </a:lnTo>
                <a:lnTo>
                  <a:pt x="842" y="226"/>
                </a:lnTo>
                <a:lnTo>
                  <a:pt x="845" y="251"/>
                </a:lnTo>
                <a:lnTo>
                  <a:pt x="845" y="251"/>
                </a:lnTo>
                <a:close/>
              </a:path>
            </a:pathLst>
          </a:custGeom>
          <a:solidFill>
            <a:schemeClr val="accent6"/>
          </a:solidFill>
          <a:ln>
            <a:noFill/>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6" name="Freeform 14">
            <a:extLst>
              <a:ext uri="{FF2B5EF4-FFF2-40B4-BE49-F238E27FC236}">
                <a16:creationId xmlns:a16="http://schemas.microsoft.com/office/drawing/2014/main" id="{0995133D-472F-407E-8440-2FB3B45E812F}"/>
              </a:ext>
            </a:extLst>
          </p:cNvPr>
          <p:cNvSpPr>
            <a:spLocks/>
          </p:cNvSpPr>
          <p:nvPr userDrawn="1"/>
        </p:nvSpPr>
        <p:spPr bwMode="auto">
          <a:xfrm>
            <a:off x="6138335" y="3835401"/>
            <a:ext cx="533400" cy="533400"/>
          </a:xfrm>
          <a:custGeom>
            <a:avLst/>
            <a:gdLst>
              <a:gd name="T0" fmla="*/ 505 w 505"/>
              <a:gd name="T1" fmla="*/ 251 h 503"/>
              <a:gd name="T2" fmla="*/ 499 w 505"/>
              <a:gd name="T3" fmla="*/ 302 h 503"/>
              <a:gd name="T4" fmla="*/ 484 w 505"/>
              <a:gd name="T5" fmla="*/ 350 h 503"/>
              <a:gd name="T6" fmla="*/ 461 w 505"/>
              <a:gd name="T7" fmla="*/ 393 h 503"/>
              <a:gd name="T8" fmla="*/ 431 w 505"/>
              <a:gd name="T9" fmla="*/ 430 h 503"/>
              <a:gd name="T10" fmla="*/ 393 w 505"/>
              <a:gd name="T11" fmla="*/ 461 h 503"/>
              <a:gd name="T12" fmla="*/ 350 w 505"/>
              <a:gd name="T13" fmla="*/ 484 h 503"/>
              <a:gd name="T14" fmla="*/ 303 w 505"/>
              <a:gd name="T15" fmla="*/ 499 h 503"/>
              <a:gd name="T16" fmla="*/ 252 w 505"/>
              <a:gd name="T17" fmla="*/ 503 h 503"/>
              <a:gd name="T18" fmla="*/ 227 w 505"/>
              <a:gd name="T19" fmla="*/ 502 h 503"/>
              <a:gd name="T20" fmla="*/ 178 w 505"/>
              <a:gd name="T21" fmla="*/ 492 h 503"/>
              <a:gd name="T22" fmla="*/ 133 w 505"/>
              <a:gd name="T23" fmla="*/ 473 h 503"/>
              <a:gd name="T24" fmla="*/ 92 w 505"/>
              <a:gd name="T25" fmla="*/ 446 h 503"/>
              <a:gd name="T26" fmla="*/ 58 w 505"/>
              <a:gd name="T27" fmla="*/ 411 h 503"/>
              <a:gd name="T28" fmla="*/ 31 w 505"/>
              <a:gd name="T29" fmla="*/ 372 h 503"/>
              <a:gd name="T30" fmla="*/ 12 w 505"/>
              <a:gd name="T31" fmla="*/ 326 h 503"/>
              <a:gd name="T32" fmla="*/ 1 w 505"/>
              <a:gd name="T33" fmla="*/ 278 h 503"/>
              <a:gd name="T34" fmla="*/ 0 w 505"/>
              <a:gd name="T35" fmla="*/ 251 h 503"/>
              <a:gd name="T36" fmla="*/ 6 w 505"/>
              <a:gd name="T37" fmla="*/ 200 h 503"/>
              <a:gd name="T38" fmla="*/ 20 w 505"/>
              <a:gd name="T39" fmla="*/ 153 h 503"/>
              <a:gd name="T40" fmla="*/ 44 w 505"/>
              <a:gd name="T41" fmla="*/ 110 h 503"/>
              <a:gd name="T42" fmla="*/ 74 w 505"/>
              <a:gd name="T43" fmla="*/ 74 h 503"/>
              <a:gd name="T44" fmla="*/ 112 w 505"/>
              <a:gd name="T45" fmla="*/ 42 h 503"/>
              <a:gd name="T46" fmla="*/ 154 w 505"/>
              <a:gd name="T47" fmla="*/ 19 h 503"/>
              <a:gd name="T48" fmla="*/ 202 w 505"/>
              <a:gd name="T49" fmla="*/ 4 h 503"/>
              <a:gd name="T50" fmla="*/ 252 w 505"/>
              <a:gd name="T51" fmla="*/ 0 h 503"/>
              <a:gd name="T52" fmla="*/ 278 w 505"/>
              <a:gd name="T53" fmla="*/ 1 h 503"/>
              <a:gd name="T54" fmla="*/ 327 w 505"/>
              <a:gd name="T55" fmla="*/ 11 h 503"/>
              <a:gd name="T56" fmla="*/ 372 w 505"/>
              <a:gd name="T57" fmla="*/ 30 h 503"/>
              <a:gd name="T58" fmla="*/ 412 w 505"/>
              <a:gd name="T59" fmla="*/ 57 h 503"/>
              <a:gd name="T60" fmla="*/ 447 w 505"/>
              <a:gd name="T61" fmla="*/ 91 h 503"/>
              <a:gd name="T62" fmla="*/ 473 w 505"/>
              <a:gd name="T63" fmla="*/ 131 h 503"/>
              <a:gd name="T64" fmla="*/ 493 w 505"/>
              <a:gd name="T65" fmla="*/ 176 h 503"/>
              <a:gd name="T66" fmla="*/ 502 w 505"/>
              <a:gd name="T67" fmla="*/ 226 h 503"/>
              <a:gd name="T68" fmla="*/ 505 w 505"/>
              <a:gd name="T69" fmla="*/ 251 h 50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5" h="503">
                <a:moveTo>
                  <a:pt x="505" y="251"/>
                </a:moveTo>
                <a:lnTo>
                  <a:pt x="505" y="251"/>
                </a:lnTo>
                <a:lnTo>
                  <a:pt x="502" y="278"/>
                </a:lnTo>
                <a:lnTo>
                  <a:pt x="499" y="302"/>
                </a:lnTo>
                <a:lnTo>
                  <a:pt x="493" y="326"/>
                </a:lnTo>
                <a:lnTo>
                  <a:pt x="484" y="350"/>
                </a:lnTo>
                <a:lnTo>
                  <a:pt x="473" y="372"/>
                </a:lnTo>
                <a:lnTo>
                  <a:pt x="461" y="393"/>
                </a:lnTo>
                <a:lnTo>
                  <a:pt x="447" y="412"/>
                </a:lnTo>
                <a:lnTo>
                  <a:pt x="431" y="430"/>
                </a:lnTo>
                <a:lnTo>
                  <a:pt x="412" y="446"/>
                </a:lnTo>
                <a:lnTo>
                  <a:pt x="393" y="461"/>
                </a:lnTo>
                <a:lnTo>
                  <a:pt x="372" y="473"/>
                </a:lnTo>
                <a:lnTo>
                  <a:pt x="350" y="484"/>
                </a:lnTo>
                <a:lnTo>
                  <a:pt x="327" y="492"/>
                </a:lnTo>
                <a:lnTo>
                  <a:pt x="303" y="499"/>
                </a:lnTo>
                <a:lnTo>
                  <a:pt x="278" y="502"/>
                </a:lnTo>
                <a:lnTo>
                  <a:pt x="252" y="503"/>
                </a:lnTo>
                <a:lnTo>
                  <a:pt x="252" y="503"/>
                </a:lnTo>
                <a:lnTo>
                  <a:pt x="227" y="502"/>
                </a:lnTo>
                <a:lnTo>
                  <a:pt x="202" y="499"/>
                </a:lnTo>
                <a:lnTo>
                  <a:pt x="178" y="492"/>
                </a:lnTo>
                <a:lnTo>
                  <a:pt x="154" y="484"/>
                </a:lnTo>
                <a:lnTo>
                  <a:pt x="133" y="473"/>
                </a:lnTo>
                <a:lnTo>
                  <a:pt x="112" y="461"/>
                </a:lnTo>
                <a:lnTo>
                  <a:pt x="92" y="446"/>
                </a:lnTo>
                <a:lnTo>
                  <a:pt x="74" y="430"/>
                </a:lnTo>
                <a:lnTo>
                  <a:pt x="58" y="411"/>
                </a:lnTo>
                <a:lnTo>
                  <a:pt x="44" y="393"/>
                </a:lnTo>
                <a:lnTo>
                  <a:pt x="31" y="372"/>
                </a:lnTo>
                <a:lnTo>
                  <a:pt x="20" y="350"/>
                </a:lnTo>
                <a:lnTo>
                  <a:pt x="12" y="326"/>
                </a:lnTo>
                <a:lnTo>
                  <a:pt x="6" y="302"/>
                </a:lnTo>
                <a:lnTo>
                  <a:pt x="1" y="278"/>
                </a:lnTo>
                <a:lnTo>
                  <a:pt x="0" y="251"/>
                </a:lnTo>
                <a:lnTo>
                  <a:pt x="0" y="251"/>
                </a:lnTo>
                <a:lnTo>
                  <a:pt x="1" y="226"/>
                </a:lnTo>
                <a:lnTo>
                  <a:pt x="6" y="200"/>
                </a:lnTo>
                <a:lnTo>
                  <a:pt x="12" y="176"/>
                </a:lnTo>
                <a:lnTo>
                  <a:pt x="20" y="153"/>
                </a:lnTo>
                <a:lnTo>
                  <a:pt x="31" y="131"/>
                </a:lnTo>
                <a:lnTo>
                  <a:pt x="44" y="110"/>
                </a:lnTo>
                <a:lnTo>
                  <a:pt x="58" y="91"/>
                </a:lnTo>
                <a:lnTo>
                  <a:pt x="74" y="74"/>
                </a:lnTo>
                <a:lnTo>
                  <a:pt x="92" y="57"/>
                </a:lnTo>
                <a:lnTo>
                  <a:pt x="112" y="42"/>
                </a:lnTo>
                <a:lnTo>
                  <a:pt x="133" y="30"/>
                </a:lnTo>
                <a:lnTo>
                  <a:pt x="154" y="19"/>
                </a:lnTo>
                <a:lnTo>
                  <a:pt x="178" y="11"/>
                </a:lnTo>
                <a:lnTo>
                  <a:pt x="202" y="4"/>
                </a:lnTo>
                <a:lnTo>
                  <a:pt x="227" y="1"/>
                </a:lnTo>
                <a:lnTo>
                  <a:pt x="252" y="0"/>
                </a:lnTo>
                <a:lnTo>
                  <a:pt x="252" y="0"/>
                </a:lnTo>
                <a:lnTo>
                  <a:pt x="278" y="1"/>
                </a:lnTo>
                <a:lnTo>
                  <a:pt x="303" y="4"/>
                </a:lnTo>
                <a:lnTo>
                  <a:pt x="327" y="11"/>
                </a:lnTo>
                <a:lnTo>
                  <a:pt x="350" y="19"/>
                </a:lnTo>
                <a:lnTo>
                  <a:pt x="372" y="30"/>
                </a:lnTo>
                <a:lnTo>
                  <a:pt x="393" y="42"/>
                </a:lnTo>
                <a:lnTo>
                  <a:pt x="412" y="57"/>
                </a:lnTo>
                <a:lnTo>
                  <a:pt x="431" y="74"/>
                </a:lnTo>
                <a:lnTo>
                  <a:pt x="447" y="91"/>
                </a:lnTo>
                <a:lnTo>
                  <a:pt x="461" y="110"/>
                </a:lnTo>
                <a:lnTo>
                  <a:pt x="473" y="131"/>
                </a:lnTo>
                <a:lnTo>
                  <a:pt x="484" y="153"/>
                </a:lnTo>
                <a:lnTo>
                  <a:pt x="493" y="176"/>
                </a:lnTo>
                <a:lnTo>
                  <a:pt x="499" y="200"/>
                </a:lnTo>
                <a:lnTo>
                  <a:pt x="502" y="226"/>
                </a:lnTo>
                <a:lnTo>
                  <a:pt x="505" y="251"/>
                </a:lnTo>
                <a:lnTo>
                  <a:pt x="505" y="251"/>
                </a:lnTo>
                <a:close/>
              </a:path>
            </a:pathLst>
          </a:custGeom>
          <a:solidFill>
            <a:srgbClr val="4FC1E9"/>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7" name="Freeform 15">
            <a:extLst>
              <a:ext uri="{FF2B5EF4-FFF2-40B4-BE49-F238E27FC236}">
                <a16:creationId xmlns:a16="http://schemas.microsoft.com/office/drawing/2014/main" id="{FA19387A-BF6D-4649-BCED-3F8551F523AC}"/>
              </a:ext>
            </a:extLst>
          </p:cNvPr>
          <p:cNvSpPr>
            <a:spLocks/>
          </p:cNvSpPr>
          <p:nvPr userDrawn="1"/>
        </p:nvSpPr>
        <p:spPr bwMode="auto">
          <a:xfrm>
            <a:off x="5736168" y="5145618"/>
            <a:ext cx="719667" cy="728133"/>
          </a:xfrm>
          <a:custGeom>
            <a:avLst/>
            <a:gdLst>
              <a:gd name="T0" fmla="*/ 682 w 682"/>
              <a:gd name="T1" fmla="*/ 362 h 688"/>
              <a:gd name="T2" fmla="*/ 675 w 682"/>
              <a:gd name="T3" fmla="*/ 415 h 688"/>
              <a:gd name="T4" fmla="*/ 662 w 682"/>
              <a:gd name="T5" fmla="*/ 463 h 688"/>
              <a:gd name="T6" fmla="*/ 643 w 682"/>
              <a:gd name="T7" fmla="*/ 510 h 688"/>
              <a:gd name="T8" fmla="*/ 617 w 682"/>
              <a:gd name="T9" fmla="*/ 551 h 688"/>
              <a:gd name="T10" fmla="*/ 586 w 682"/>
              <a:gd name="T11" fmla="*/ 589 h 688"/>
              <a:gd name="T12" fmla="*/ 549 w 682"/>
              <a:gd name="T13" fmla="*/ 621 h 688"/>
              <a:gd name="T14" fmla="*/ 508 w 682"/>
              <a:gd name="T15" fmla="*/ 648 h 688"/>
              <a:gd name="T16" fmla="*/ 462 w 682"/>
              <a:gd name="T17" fmla="*/ 667 h 688"/>
              <a:gd name="T18" fmla="*/ 411 w 682"/>
              <a:gd name="T19" fmla="*/ 681 h 688"/>
              <a:gd name="T20" fmla="*/ 357 w 682"/>
              <a:gd name="T21" fmla="*/ 688 h 688"/>
              <a:gd name="T22" fmla="*/ 320 w 682"/>
              <a:gd name="T23" fmla="*/ 688 h 688"/>
              <a:gd name="T24" fmla="*/ 270 w 682"/>
              <a:gd name="T25" fmla="*/ 681 h 688"/>
              <a:gd name="T26" fmla="*/ 222 w 682"/>
              <a:gd name="T27" fmla="*/ 667 h 688"/>
              <a:gd name="T28" fmla="*/ 177 w 682"/>
              <a:gd name="T29" fmla="*/ 648 h 688"/>
              <a:gd name="T30" fmla="*/ 136 w 682"/>
              <a:gd name="T31" fmla="*/ 621 h 688"/>
              <a:gd name="T32" fmla="*/ 99 w 682"/>
              <a:gd name="T33" fmla="*/ 589 h 688"/>
              <a:gd name="T34" fmla="*/ 67 w 682"/>
              <a:gd name="T35" fmla="*/ 551 h 688"/>
              <a:gd name="T36" fmla="*/ 40 w 682"/>
              <a:gd name="T37" fmla="*/ 510 h 688"/>
              <a:gd name="T38" fmla="*/ 21 w 682"/>
              <a:gd name="T39" fmla="*/ 463 h 688"/>
              <a:gd name="T40" fmla="*/ 7 w 682"/>
              <a:gd name="T41" fmla="*/ 415 h 688"/>
              <a:gd name="T42" fmla="*/ 0 w 682"/>
              <a:gd name="T43" fmla="*/ 362 h 688"/>
              <a:gd name="T44" fmla="*/ 0 w 682"/>
              <a:gd name="T45" fmla="*/ 328 h 688"/>
              <a:gd name="T46" fmla="*/ 7 w 682"/>
              <a:gd name="T47" fmla="*/ 276 h 688"/>
              <a:gd name="T48" fmla="*/ 21 w 682"/>
              <a:gd name="T49" fmla="*/ 227 h 688"/>
              <a:gd name="T50" fmla="*/ 40 w 682"/>
              <a:gd name="T51" fmla="*/ 182 h 688"/>
              <a:gd name="T52" fmla="*/ 67 w 682"/>
              <a:gd name="T53" fmla="*/ 140 h 688"/>
              <a:gd name="T54" fmla="*/ 99 w 682"/>
              <a:gd name="T55" fmla="*/ 103 h 688"/>
              <a:gd name="T56" fmla="*/ 136 w 682"/>
              <a:gd name="T57" fmla="*/ 69 h 688"/>
              <a:gd name="T58" fmla="*/ 177 w 682"/>
              <a:gd name="T59" fmla="*/ 43 h 688"/>
              <a:gd name="T60" fmla="*/ 222 w 682"/>
              <a:gd name="T61" fmla="*/ 22 h 688"/>
              <a:gd name="T62" fmla="*/ 270 w 682"/>
              <a:gd name="T63" fmla="*/ 7 h 688"/>
              <a:gd name="T64" fmla="*/ 320 w 682"/>
              <a:gd name="T65" fmla="*/ 1 h 688"/>
              <a:gd name="T66" fmla="*/ 357 w 682"/>
              <a:gd name="T67" fmla="*/ 1 h 688"/>
              <a:gd name="T68" fmla="*/ 411 w 682"/>
              <a:gd name="T69" fmla="*/ 7 h 688"/>
              <a:gd name="T70" fmla="*/ 462 w 682"/>
              <a:gd name="T71" fmla="*/ 22 h 688"/>
              <a:gd name="T72" fmla="*/ 508 w 682"/>
              <a:gd name="T73" fmla="*/ 43 h 688"/>
              <a:gd name="T74" fmla="*/ 549 w 682"/>
              <a:gd name="T75" fmla="*/ 69 h 688"/>
              <a:gd name="T76" fmla="*/ 586 w 682"/>
              <a:gd name="T77" fmla="*/ 103 h 688"/>
              <a:gd name="T78" fmla="*/ 617 w 682"/>
              <a:gd name="T79" fmla="*/ 140 h 688"/>
              <a:gd name="T80" fmla="*/ 643 w 682"/>
              <a:gd name="T81" fmla="*/ 182 h 688"/>
              <a:gd name="T82" fmla="*/ 662 w 682"/>
              <a:gd name="T83" fmla="*/ 227 h 688"/>
              <a:gd name="T84" fmla="*/ 675 w 682"/>
              <a:gd name="T85" fmla="*/ 276 h 688"/>
              <a:gd name="T86" fmla="*/ 682 w 682"/>
              <a:gd name="T87" fmla="*/ 328 h 68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Lst>
            <a:rect l="0" t="0" r="r" b="b"/>
            <a:pathLst>
              <a:path w="682" h="688">
                <a:moveTo>
                  <a:pt x="682" y="345"/>
                </a:moveTo>
                <a:lnTo>
                  <a:pt x="682" y="345"/>
                </a:lnTo>
                <a:lnTo>
                  <a:pt x="682" y="362"/>
                </a:lnTo>
                <a:lnTo>
                  <a:pt x="681" y="381"/>
                </a:lnTo>
                <a:lnTo>
                  <a:pt x="678" y="398"/>
                </a:lnTo>
                <a:lnTo>
                  <a:pt x="675" y="415"/>
                </a:lnTo>
                <a:lnTo>
                  <a:pt x="672" y="431"/>
                </a:lnTo>
                <a:lnTo>
                  <a:pt x="668" y="447"/>
                </a:lnTo>
                <a:lnTo>
                  <a:pt x="662" y="463"/>
                </a:lnTo>
                <a:lnTo>
                  <a:pt x="657" y="480"/>
                </a:lnTo>
                <a:lnTo>
                  <a:pt x="651" y="495"/>
                </a:lnTo>
                <a:lnTo>
                  <a:pt x="643" y="510"/>
                </a:lnTo>
                <a:lnTo>
                  <a:pt x="636" y="525"/>
                </a:lnTo>
                <a:lnTo>
                  <a:pt x="627" y="538"/>
                </a:lnTo>
                <a:lnTo>
                  <a:pt x="617" y="551"/>
                </a:lnTo>
                <a:lnTo>
                  <a:pt x="608" y="565"/>
                </a:lnTo>
                <a:lnTo>
                  <a:pt x="598" y="576"/>
                </a:lnTo>
                <a:lnTo>
                  <a:pt x="586" y="589"/>
                </a:lnTo>
                <a:lnTo>
                  <a:pt x="575" y="601"/>
                </a:lnTo>
                <a:lnTo>
                  <a:pt x="562" y="611"/>
                </a:lnTo>
                <a:lnTo>
                  <a:pt x="549" y="621"/>
                </a:lnTo>
                <a:lnTo>
                  <a:pt x="537" y="631"/>
                </a:lnTo>
                <a:lnTo>
                  <a:pt x="523" y="640"/>
                </a:lnTo>
                <a:lnTo>
                  <a:pt x="508" y="648"/>
                </a:lnTo>
                <a:lnTo>
                  <a:pt x="493" y="655"/>
                </a:lnTo>
                <a:lnTo>
                  <a:pt x="478" y="662"/>
                </a:lnTo>
                <a:lnTo>
                  <a:pt x="462" y="667"/>
                </a:lnTo>
                <a:lnTo>
                  <a:pt x="446" y="673"/>
                </a:lnTo>
                <a:lnTo>
                  <a:pt x="429" y="678"/>
                </a:lnTo>
                <a:lnTo>
                  <a:pt x="411" y="681"/>
                </a:lnTo>
                <a:lnTo>
                  <a:pt x="394" y="685"/>
                </a:lnTo>
                <a:lnTo>
                  <a:pt x="376" y="687"/>
                </a:lnTo>
                <a:lnTo>
                  <a:pt x="357" y="688"/>
                </a:lnTo>
                <a:lnTo>
                  <a:pt x="338" y="688"/>
                </a:lnTo>
                <a:lnTo>
                  <a:pt x="338" y="688"/>
                </a:lnTo>
                <a:lnTo>
                  <a:pt x="320" y="688"/>
                </a:lnTo>
                <a:lnTo>
                  <a:pt x="303" y="687"/>
                </a:lnTo>
                <a:lnTo>
                  <a:pt x="287" y="685"/>
                </a:lnTo>
                <a:lnTo>
                  <a:pt x="270" y="681"/>
                </a:lnTo>
                <a:lnTo>
                  <a:pt x="253" y="678"/>
                </a:lnTo>
                <a:lnTo>
                  <a:pt x="237" y="673"/>
                </a:lnTo>
                <a:lnTo>
                  <a:pt x="222" y="667"/>
                </a:lnTo>
                <a:lnTo>
                  <a:pt x="206" y="662"/>
                </a:lnTo>
                <a:lnTo>
                  <a:pt x="191" y="655"/>
                </a:lnTo>
                <a:lnTo>
                  <a:pt x="177" y="648"/>
                </a:lnTo>
                <a:lnTo>
                  <a:pt x="163" y="640"/>
                </a:lnTo>
                <a:lnTo>
                  <a:pt x="149" y="631"/>
                </a:lnTo>
                <a:lnTo>
                  <a:pt x="136" y="621"/>
                </a:lnTo>
                <a:lnTo>
                  <a:pt x="123" y="611"/>
                </a:lnTo>
                <a:lnTo>
                  <a:pt x="111" y="601"/>
                </a:lnTo>
                <a:lnTo>
                  <a:pt x="99" y="589"/>
                </a:lnTo>
                <a:lnTo>
                  <a:pt x="88" y="576"/>
                </a:lnTo>
                <a:lnTo>
                  <a:pt x="77" y="565"/>
                </a:lnTo>
                <a:lnTo>
                  <a:pt x="67" y="551"/>
                </a:lnTo>
                <a:lnTo>
                  <a:pt x="58" y="538"/>
                </a:lnTo>
                <a:lnTo>
                  <a:pt x="48" y="525"/>
                </a:lnTo>
                <a:lnTo>
                  <a:pt x="40" y="510"/>
                </a:lnTo>
                <a:lnTo>
                  <a:pt x="34" y="495"/>
                </a:lnTo>
                <a:lnTo>
                  <a:pt x="27" y="480"/>
                </a:lnTo>
                <a:lnTo>
                  <a:pt x="21" y="463"/>
                </a:lnTo>
                <a:lnTo>
                  <a:pt x="15" y="447"/>
                </a:lnTo>
                <a:lnTo>
                  <a:pt x="10" y="431"/>
                </a:lnTo>
                <a:lnTo>
                  <a:pt x="7" y="415"/>
                </a:lnTo>
                <a:lnTo>
                  <a:pt x="4" y="398"/>
                </a:lnTo>
                <a:lnTo>
                  <a:pt x="1" y="381"/>
                </a:lnTo>
                <a:lnTo>
                  <a:pt x="0" y="362"/>
                </a:lnTo>
                <a:lnTo>
                  <a:pt x="0" y="345"/>
                </a:lnTo>
                <a:lnTo>
                  <a:pt x="0" y="345"/>
                </a:lnTo>
                <a:lnTo>
                  <a:pt x="0" y="328"/>
                </a:lnTo>
                <a:lnTo>
                  <a:pt x="1" y="310"/>
                </a:lnTo>
                <a:lnTo>
                  <a:pt x="4" y="293"/>
                </a:lnTo>
                <a:lnTo>
                  <a:pt x="7" y="276"/>
                </a:lnTo>
                <a:lnTo>
                  <a:pt x="10" y="260"/>
                </a:lnTo>
                <a:lnTo>
                  <a:pt x="15" y="243"/>
                </a:lnTo>
                <a:lnTo>
                  <a:pt x="21" y="227"/>
                </a:lnTo>
                <a:lnTo>
                  <a:pt x="27" y="212"/>
                </a:lnTo>
                <a:lnTo>
                  <a:pt x="34" y="197"/>
                </a:lnTo>
                <a:lnTo>
                  <a:pt x="40" y="182"/>
                </a:lnTo>
                <a:lnTo>
                  <a:pt x="48" y="167"/>
                </a:lnTo>
                <a:lnTo>
                  <a:pt x="58" y="154"/>
                </a:lnTo>
                <a:lnTo>
                  <a:pt x="67" y="140"/>
                </a:lnTo>
                <a:lnTo>
                  <a:pt x="77" y="127"/>
                </a:lnTo>
                <a:lnTo>
                  <a:pt x="88" y="114"/>
                </a:lnTo>
                <a:lnTo>
                  <a:pt x="99" y="103"/>
                </a:lnTo>
                <a:lnTo>
                  <a:pt x="111" y="91"/>
                </a:lnTo>
                <a:lnTo>
                  <a:pt x="123" y="80"/>
                </a:lnTo>
                <a:lnTo>
                  <a:pt x="136" y="69"/>
                </a:lnTo>
                <a:lnTo>
                  <a:pt x="149" y="60"/>
                </a:lnTo>
                <a:lnTo>
                  <a:pt x="163" y="51"/>
                </a:lnTo>
                <a:lnTo>
                  <a:pt x="177" y="43"/>
                </a:lnTo>
                <a:lnTo>
                  <a:pt x="191" y="35"/>
                </a:lnTo>
                <a:lnTo>
                  <a:pt x="206" y="28"/>
                </a:lnTo>
                <a:lnTo>
                  <a:pt x="222" y="22"/>
                </a:lnTo>
                <a:lnTo>
                  <a:pt x="237" y="16"/>
                </a:lnTo>
                <a:lnTo>
                  <a:pt x="253" y="12"/>
                </a:lnTo>
                <a:lnTo>
                  <a:pt x="270" y="7"/>
                </a:lnTo>
                <a:lnTo>
                  <a:pt x="287" y="5"/>
                </a:lnTo>
                <a:lnTo>
                  <a:pt x="303" y="3"/>
                </a:lnTo>
                <a:lnTo>
                  <a:pt x="320" y="1"/>
                </a:lnTo>
                <a:lnTo>
                  <a:pt x="338" y="0"/>
                </a:lnTo>
                <a:lnTo>
                  <a:pt x="338" y="0"/>
                </a:lnTo>
                <a:lnTo>
                  <a:pt x="357" y="1"/>
                </a:lnTo>
                <a:lnTo>
                  <a:pt x="376" y="3"/>
                </a:lnTo>
                <a:lnTo>
                  <a:pt x="394" y="5"/>
                </a:lnTo>
                <a:lnTo>
                  <a:pt x="411" y="7"/>
                </a:lnTo>
                <a:lnTo>
                  <a:pt x="429" y="12"/>
                </a:lnTo>
                <a:lnTo>
                  <a:pt x="446" y="16"/>
                </a:lnTo>
                <a:lnTo>
                  <a:pt x="462" y="22"/>
                </a:lnTo>
                <a:lnTo>
                  <a:pt x="478" y="28"/>
                </a:lnTo>
                <a:lnTo>
                  <a:pt x="493" y="35"/>
                </a:lnTo>
                <a:lnTo>
                  <a:pt x="508" y="43"/>
                </a:lnTo>
                <a:lnTo>
                  <a:pt x="523" y="51"/>
                </a:lnTo>
                <a:lnTo>
                  <a:pt x="537" y="60"/>
                </a:lnTo>
                <a:lnTo>
                  <a:pt x="549" y="69"/>
                </a:lnTo>
                <a:lnTo>
                  <a:pt x="562" y="80"/>
                </a:lnTo>
                <a:lnTo>
                  <a:pt x="575" y="91"/>
                </a:lnTo>
                <a:lnTo>
                  <a:pt x="586" y="103"/>
                </a:lnTo>
                <a:lnTo>
                  <a:pt x="598" y="114"/>
                </a:lnTo>
                <a:lnTo>
                  <a:pt x="608" y="127"/>
                </a:lnTo>
                <a:lnTo>
                  <a:pt x="617" y="140"/>
                </a:lnTo>
                <a:lnTo>
                  <a:pt x="627" y="154"/>
                </a:lnTo>
                <a:lnTo>
                  <a:pt x="636" y="167"/>
                </a:lnTo>
                <a:lnTo>
                  <a:pt x="643" y="182"/>
                </a:lnTo>
                <a:lnTo>
                  <a:pt x="651" y="197"/>
                </a:lnTo>
                <a:lnTo>
                  <a:pt x="657" y="212"/>
                </a:lnTo>
                <a:lnTo>
                  <a:pt x="662" y="227"/>
                </a:lnTo>
                <a:lnTo>
                  <a:pt x="668" y="243"/>
                </a:lnTo>
                <a:lnTo>
                  <a:pt x="672" y="260"/>
                </a:lnTo>
                <a:lnTo>
                  <a:pt x="675" y="276"/>
                </a:lnTo>
                <a:lnTo>
                  <a:pt x="678" y="293"/>
                </a:lnTo>
                <a:lnTo>
                  <a:pt x="681" y="310"/>
                </a:lnTo>
                <a:lnTo>
                  <a:pt x="682" y="328"/>
                </a:lnTo>
                <a:lnTo>
                  <a:pt x="682" y="345"/>
                </a:lnTo>
                <a:lnTo>
                  <a:pt x="682" y="345"/>
                </a:lnTo>
                <a:close/>
              </a:path>
            </a:pathLst>
          </a:custGeom>
          <a:solidFill>
            <a:schemeClr val="accent6"/>
          </a:solidFill>
          <a:ln>
            <a:noFill/>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nvGrpSpPr>
          <p:cNvPr id="26" name="Group 25">
            <a:extLst>
              <a:ext uri="{FF2B5EF4-FFF2-40B4-BE49-F238E27FC236}">
                <a16:creationId xmlns:a16="http://schemas.microsoft.com/office/drawing/2014/main" id="{1B8B6764-4691-45D9-BC9B-78228EA22087}"/>
              </a:ext>
            </a:extLst>
          </p:cNvPr>
          <p:cNvGrpSpPr/>
          <p:nvPr userDrawn="1"/>
        </p:nvGrpSpPr>
        <p:grpSpPr>
          <a:xfrm>
            <a:off x="4959352" y="2849035"/>
            <a:ext cx="192617" cy="203200"/>
            <a:chOff x="3719513" y="2136776"/>
            <a:chExt cx="144463" cy="152400"/>
          </a:xfrm>
        </p:grpSpPr>
        <p:sp>
          <p:nvSpPr>
            <p:cNvPr id="18" name="Freeform 16">
              <a:extLst>
                <a:ext uri="{FF2B5EF4-FFF2-40B4-BE49-F238E27FC236}">
                  <a16:creationId xmlns:a16="http://schemas.microsoft.com/office/drawing/2014/main" id="{6E51A54C-B005-4A4B-B60F-E04E181F87CE}"/>
                </a:ext>
              </a:extLst>
            </p:cNvPr>
            <p:cNvSpPr>
              <a:spLocks/>
            </p:cNvSpPr>
            <p:nvPr userDrawn="1"/>
          </p:nvSpPr>
          <p:spPr bwMode="auto">
            <a:xfrm>
              <a:off x="3719513" y="2136776"/>
              <a:ext cx="88900" cy="150813"/>
            </a:xfrm>
            <a:custGeom>
              <a:avLst/>
              <a:gdLst>
                <a:gd name="T0" fmla="*/ 110 w 110"/>
                <a:gd name="T1" fmla="*/ 180 h 191"/>
                <a:gd name="T2" fmla="*/ 110 w 110"/>
                <a:gd name="T3" fmla="*/ 185 h 191"/>
                <a:gd name="T4" fmla="*/ 109 w 110"/>
                <a:gd name="T5" fmla="*/ 189 h 191"/>
                <a:gd name="T6" fmla="*/ 107 w 110"/>
                <a:gd name="T7" fmla="*/ 190 h 191"/>
                <a:gd name="T8" fmla="*/ 7 w 110"/>
                <a:gd name="T9" fmla="*/ 191 h 191"/>
                <a:gd name="T10" fmla="*/ 4 w 110"/>
                <a:gd name="T11" fmla="*/ 190 h 191"/>
                <a:gd name="T12" fmla="*/ 3 w 110"/>
                <a:gd name="T13" fmla="*/ 189 h 191"/>
                <a:gd name="T14" fmla="*/ 2 w 110"/>
                <a:gd name="T15" fmla="*/ 185 h 191"/>
                <a:gd name="T16" fmla="*/ 1 w 110"/>
                <a:gd name="T17" fmla="*/ 180 h 191"/>
                <a:gd name="T18" fmla="*/ 2 w 110"/>
                <a:gd name="T19" fmla="*/ 176 h 191"/>
                <a:gd name="T20" fmla="*/ 2 w 110"/>
                <a:gd name="T21" fmla="*/ 174 h 191"/>
                <a:gd name="T22" fmla="*/ 4 w 110"/>
                <a:gd name="T23" fmla="*/ 171 h 191"/>
                <a:gd name="T24" fmla="*/ 7 w 110"/>
                <a:gd name="T25" fmla="*/ 170 h 191"/>
                <a:gd name="T26" fmla="*/ 46 w 110"/>
                <a:gd name="T27" fmla="*/ 26 h 191"/>
                <a:gd name="T28" fmla="*/ 9 w 110"/>
                <a:gd name="T29" fmla="*/ 48 h 191"/>
                <a:gd name="T30" fmla="*/ 4 w 110"/>
                <a:gd name="T31" fmla="*/ 50 h 191"/>
                <a:gd name="T32" fmla="*/ 2 w 110"/>
                <a:gd name="T33" fmla="*/ 49 h 191"/>
                <a:gd name="T34" fmla="*/ 1 w 110"/>
                <a:gd name="T35" fmla="*/ 47 h 191"/>
                <a:gd name="T36" fmla="*/ 0 w 110"/>
                <a:gd name="T37" fmla="*/ 41 h 191"/>
                <a:gd name="T38" fmla="*/ 1 w 110"/>
                <a:gd name="T39" fmla="*/ 36 h 191"/>
                <a:gd name="T40" fmla="*/ 1 w 110"/>
                <a:gd name="T41" fmla="*/ 34 h 191"/>
                <a:gd name="T42" fmla="*/ 2 w 110"/>
                <a:gd name="T43" fmla="*/ 32 h 191"/>
                <a:gd name="T44" fmla="*/ 48 w 110"/>
                <a:gd name="T45" fmla="*/ 2 h 191"/>
                <a:gd name="T46" fmla="*/ 49 w 110"/>
                <a:gd name="T47" fmla="*/ 1 h 191"/>
                <a:gd name="T48" fmla="*/ 52 w 110"/>
                <a:gd name="T49" fmla="*/ 1 h 191"/>
                <a:gd name="T50" fmla="*/ 55 w 110"/>
                <a:gd name="T51" fmla="*/ 0 h 191"/>
                <a:gd name="T52" fmla="*/ 60 w 110"/>
                <a:gd name="T53" fmla="*/ 0 h 191"/>
                <a:gd name="T54" fmla="*/ 65 w 110"/>
                <a:gd name="T55" fmla="*/ 1 h 191"/>
                <a:gd name="T56" fmla="*/ 69 w 110"/>
                <a:gd name="T57" fmla="*/ 1 h 191"/>
                <a:gd name="T58" fmla="*/ 70 w 110"/>
                <a:gd name="T59" fmla="*/ 3 h 191"/>
                <a:gd name="T60" fmla="*/ 71 w 110"/>
                <a:gd name="T61" fmla="*/ 4 h 191"/>
                <a:gd name="T62" fmla="*/ 106 w 110"/>
                <a:gd name="T63" fmla="*/ 170 h 191"/>
                <a:gd name="T64" fmla="*/ 107 w 110"/>
                <a:gd name="T65" fmla="*/ 171 h 191"/>
                <a:gd name="T66" fmla="*/ 109 w 110"/>
                <a:gd name="T67" fmla="*/ 174 h 191"/>
                <a:gd name="T68" fmla="*/ 110 w 110"/>
                <a:gd name="T69" fmla="*/ 176 h 191"/>
                <a:gd name="T70" fmla="*/ 110 w 110"/>
                <a:gd name="T71" fmla="*/ 180 h 19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Lst>
              <a:rect l="0" t="0" r="r" b="b"/>
              <a:pathLst>
                <a:path w="110" h="191">
                  <a:moveTo>
                    <a:pt x="110" y="180"/>
                  </a:moveTo>
                  <a:lnTo>
                    <a:pt x="110" y="180"/>
                  </a:lnTo>
                  <a:lnTo>
                    <a:pt x="110" y="185"/>
                  </a:lnTo>
                  <a:lnTo>
                    <a:pt x="110" y="185"/>
                  </a:lnTo>
                  <a:lnTo>
                    <a:pt x="109" y="189"/>
                  </a:lnTo>
                  <a:lnTo>
                    <a:pt x="109" y="189"/>
                  </a:lnTo>
                  <a:lnTo>
                    <a:pt x="107" y="190"/>
                  </a:lnTo>
                  <a:lnTo>
                    <a:pt x="107" y="190"/>
                  </a:lnTo>
                  <a:lnTo>
                    <a:pt x="106" y="191"/>
                  </a:lnTo>
                  <a:lnTo>
                    <a:pt x="7" y="191"/>
                  </a:lnTo>
                  <a:lnTo>
                    <a:pt x="7" y="191"/>
                  </a:lnTo>
                  <a:lnTo>
                    <a:pt x="4" y="190"/>
                  </a:lnTo>
                  <a:lnTo>
                    <a:pt x="4" y="190"/>
                  </a:lnTo>
                  <a:lnTo>
                    <a:pt x="3" y="189"/>
                  </a:lnTo>
                  <a:lnTo>
                    <a:pt x="3" y="189"/>
                  </a:lnTo>
                  <a:lnTo>
                    <a:pt x="2" y="185"/>
                  </a:lnTo>
                  <a:lnTo>
                    <a:pt x="2" y="185"/>
                  </a:lnTo>
                  <a:lnTo>
                    <a:pt x="1" y="180"/>
                  </a:lnTo>
                  <a:lnTo>
                    <a:pt x="1" y="180"/>
                  </a:lnTo>
                  <a:lnTo>
                    <a:pt x="2" y="176"/>
                  </a:lnTo>
                  <a:lnTo>
                    <a:pt x="2" y="176"/>
                  </a:lnTo>
                  <a:lnTo>
                    <a:pt x="2" y="174"/>
                  </a:lnTo>
                  <a:lnTo>
                    <a:pt x="2" y="174"/>
                  </a:lnTo>
                  <a:lnTo>
                    <a:pt x="4" y="171"/>
                  </a:lnTo>
                  <a:lnTo>
                    <a:pt x="4" y="171"/>
                  </a:lnTo>
                  <a:lnTo>
                    <a:pt x="7" y="170"/>
                  </a:lnTo>
                  <a:lnTo>
                    <a:pt x="46" y="170"/>
                  </a:lnTo>
                  <a:lnTo>
                    <a:pt x="46" y="26"/>
                  </a:lnTo>
                  <a:lnTo>
                    <a:pt x="9" y="48"/>
                  </a:lnTo>
                  <a:lnTo>
                    <a:pt x="9" y="48"/>
                  </a:lnTo>
                  <a:lnTo>
                    <a:pt x="4" y="50"/>
                  </a:lnTo>
                  <a:lnTo>
                    <a:pt x="4" y="50"/>
                  </a:lnTo>
                  <a:lnTo>
                    <a:pt x="2" y="49"/>
                  </a:lnTo>
                  <a:lnTo>
                    <a:pt x="2" y="49"/>
                  </a:lnTo>
                  <a:lnTo>
                    <a:pt x="1" y="47"/>
                  </a:lnTo>
                  <a:lnTo>
                    <a:pt x="1" y="47"/>
                  </a:lnTo>
                  <a:lnTo>
                    <a:pt x="0" y="41"/>
                  </a:lnTo>
                  <a:lnTo>
                    <a:pt x="0" y="41"/>
                  </a:lnTo>
                  <a:lnTo>
                    <a:pt x="1" y="36"/>
                  </a:lnTo>
                  <a:lnTo>
                    <a:pt x="1" y="36"/>
                  </a:lnTo>
                  <a:lnTo>
                    <a:pt x="1" y="34"/>
                  </a:lnTo>
                  <a:lnTo>
                    <a:pt x="1" y="34"/>
                  </a:lnTo>
                  <a:lnTo>
                    <a:pt x="2" y="32"/>
                  </a:lnTo>
                  <a:lnTo>
                    <a:pt x="2" y="32"/>
                  </a:lnTo>
                  <a:lnTo>
                    <a:pt x="4" y="30"/>
                  </a:lnTo>
                  <a:lnTo>
                    <a:pt x="48" y="2"/>
                  </a:lnTo>
                  <a:lnTo>
                    <a:pt x="48" y="2"/>
                  </a:lnTo>
                  <a:lnTo>
                    <a:pt x="49" y="1"/>
                  </a:lnTo>
                  <a:lnTo>
                    <a:pt x="49" y="1"/>
                  </a:lnTo>
                  <a:lnTo>
                    <a:pt x="52" y="1"/>
                  </a:lnTo>
                  <a:lnTo>
                    <a:pt x="52" y="1"/>
                  </a:lnTo>
                  <a:lnTo>
                    <a:pt x="55" y="0"/>
                  </a:lnTo>
                  <a:lnTo>
                    <a:pt x="55" y="0"/>
                  </a:lnTo>
                  <a:lnTo>
                    <a:pt x="60" y="0"/>
                  </a:lnTo>
                  <a:lnTo>
                    <a:pt x="60" y="0"/>
                  </a:lnTo>
                  <a:lnTo>
                    <a:pt x="65" y="1"/>
                  </a:lnTo>
                  <a:lnTo>
                    <a:pt x="65" y="1"/>
                  </a:lnTo>
                  <a:lnTo>
                    <a:pt x="69" y="1"/>
                  </a:lnTo>
                  <a:lnTo>
                    <a:pt x="69" y="1"/>
                  </a:lnTo>
                  <a:lnTo>
                    <a:pt x="70" y="3"/>
                  </a:lnTo>
                  <a:lnTo>
                    <a:pt x="70" y="3"/>
                  </a:lnTo>
                  <a:lnTo>
                    <a:pt x="71" y="4"/>
                  </a:lnTo>
                  <a:lnTo>
                    <a:pt x="71" y="170"/>
                  </a:lnTo>
                  <a:lnTo>
                    <a:pt x="106" y="170"/>
                  </a:lnTo>
                  <a:lnTo>
                    <a:pt x="106" y="170"/>
                  </a:lnTo>
                  <a:lnTo>
                    <a:pt x="107" y="171"/>
                  </a:lnTo>
                  <a:lnTo>
                    <a:pt x="107" y="171"/>
                  </a:lnTo>
                  <a:lnTo>
                    <a:pt x="109" y="174"/>
                  </a:lnTo>
                  <a:lnTo>
                    <a:pt x="109" y="174"/>
                  </a:lnTo>
                  <a:lnTo>
                    <a:pt x="110" y="176"/>
                  </a:lnTo>
                  <a:lnTo>
                    <a:pt x="110" y="176"/>
                  </a:lnTo>
                  <a:lnTo>
                    <a:pt x="110" y="180"/>
                  </a:lnTo>
                  <a:lnTo>
                    <a:pt x="110" y="18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9" name="Freeform 17">
              <a:extLst>
                <a:ext uri="{FF2B5EF4-FFF2-40B4-BE49-F238E27FC236}">
                  <a16:creationId xmlns:a16="http://schemas.microsoft.com/office/drawing/2014/main" id="{DAC04D25-0D50-462A-A52B-9F6A3AFBEB05}"/>
                </a:ext>
              </a:extLst>
            </p:cNvPr>
            <p:cNvSpPr>
              <a:spLocks/>
            </p:cNvSpPr>
            <p:nvPr userDrawn="1"/>
          </p:nvSpPr>
          <p:spPr bwMode="auto">
            <a:xfrm>
              <a:off x="3838576" y="2262188"/>
              <a:ext cx="25400" cy="26988"/>
            </a:xfrm>
            <a:custGeom>
              <a:avLst/>
              <a:gdLst>
                <a:gd name="T0" fmla="*/ 33 w 33"/>
                <a:gd name="T1" fmla="*/ 18 h 35"/>
                <a:gd name="T2" fmla="*/ 33 w 33"/>
                <a:gd name="T3" fmla="*/ 18 h 35"/>
                <a:gd name="T4" fmla="*/ 31 w 33"/>
                <a:gd name="T5" fmla="*/ 27 h 35"/>
                <a:gd name="T6" fmla="*/ 30 w 33"/>
                <a:gd name="T7" fmla="*/ 29 h 35"/>
                <a:gd name="T8" fmla="*/ 29 w 33"/>
                <a:gd name="T9" fmla="*/ 32 h 35"/>
                <a:gd name="T10" fmla="*/ 29 w 33"/>
                <a:gd name="T11" fmla="*/ 32 h 35"/>
                <a:gd name="T12" fmla="*/ 27 w 33"/>
                <a:gd name="T13" fmla="*/ 33 h 35"/>
                <a:gd name="T14" fmla="*/ 23 w 33"/>
                <a:gd name="T15" fmla="*/ 34 h 35"/>
                <a:gd name="T16" fmla="*/ 16 w 33"/>
                <a:gd name="T17" fmla="*/ 35 h 35"/>
                <a:gd name="T18" fmla="*/ 16 w 33"/>
                <a:gd name="T19" fmla="*/ 35 h 35"/>
                <a:gd name="T20" fmla="*/ 8 w 33"/>
                <a:gd name="T21" fmla="*/ 34 h 35"/>
                <a:gd name="T22" fmla="*/ 4 w 33"/>
                <a:gd name="T23" fmla="*/ 32 h 35"/>
                <a:gd name="T24" fmla="*/ 4 w 33"/>
                <a:gd name="T25" fmla="*/ 32 h 35"/>
                <a:gd name="T26" fmla="*/ 3 w 33"/>
                <a:gd name="T27" fmla="*/ 29 h 35"/>
                <a:gd name="T28" fmla="*/ 1 w 33"/>
                <a:gd name="T29" fmla="*/ 27 h 35"/>
                <a:gd name="T30" fmla="*/ 0 w 33"/>
                <a:gd name="T31" fmla="*/ 18 h 35"/>
                <a:gd name="T32" fmla="*/ 0 w 33"/>
                <a:gd name="T33" fmla="*/ 18 h 35"/>
                <a:gd name="T34" fmla="*/ 1 w 33"/>
                <a:gd name="T35" fmla="*/ 10 h 35"/>
                <a:gd name="T36" fmla="*/ 3 w 33"/>
                <a:gd name="T37" fmla="*/ 6 h 35"/>
                <a:gd name="T38" fmla="*/ 4 w 33"/>
                <a:gd name="T39" fmla="*/ 4 h 35"/>
                <a:gd name="T40" fmla="*/ 4 w 33"/>
                <a:gd name="T41" fmla="*/ 4 h 35"/>
                <a:gd name="T42" fmla="*/ 6 w 33"/>
                <a:gd name="T43" fmla="*/ 3 h 35"/>
                <a:gd name="T44" fmla="*/ 9 w 33"/>
                <a:gd name="T45" fmla="*/ 2 h 35"/>
                <a:gd name="T46" fmla="*/ 16 w 33"/>
                <a:gd name="T47" fmla="*/ 0 h 35"/>
                <a:gd name="T48" fmla="*/ 16 w 33"/>
                <a:gd name="T49" fmla="*/ 0 h 35"/>
                <a:gd name="T50" fmla="*/ 24 w 33"/>
                <a:gd name="T51" fmla="*/ 2 h 35"/>
                <a:gd name="T52" fmla="*/ 29 w 33"/>
                <a:gd name="T53" fmla="*/ 4 h 35"/>
                <a:gd name="T54" fmla="*/ 29 w 33"/>
                <a:gd name="T55" fmla="*/ 4 h 35"/>
                <a:gd name="T56" fmla="*/ 30 w 33"/>
                <a:gd name="T57" fmla="*/ 6 h 35"/>
                <a:gd name="T58" fmla="*/ 31 w 33"/>
                <a:gd name="T59" fmla="*/ 10 h 35"/>
                <a:gd name="T60" fmla="*/ 33 w 33"/>
                <a:gd name="T61" fmla="*/ 18 h 35"/>
                <a:gd name="T62" fmla="*/ 33 w 33"/>
                <a:gd name="T63" fmla="*/ 18 h 3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33" h="35">
                  <a:moveTo>
                    <a:pt x="33" y="18"/>
                  </a:moveTo>
                  <a:lnTo>
                    <a:pt x="33" y="18"/>
                  </a:lnTo>
                  <a:lnTo>
                    <a:pt x="31" y="27"/>
                  </a:lnTo>
                  <a:lnTo>
                    <a:pt x="30" y="29"/>
                  </a:lnTo>
                  <a:lnTo>
                    <a:pt x="29" y="32"/>
                  </a:lnTo>
                  <a:lnTo>
                    <a:pt x="29" y="32"/>
                  </a:lnTo>
                  <a:lnTo>
                    <a:pt x="27" y="33"/>
                  </a:lnTo>
                  <a:lnTo>
                    <a:pt x="23" y="34"/>
                  </a:lnTo>
                  <a:lnTo>
                    <a:pt x="16" y="35"/>
                  </a:lnTo>
                  <a:lnTo>
                    <a:pt x="16" y="35"/>
                  </a:lnTo>
                  <a:lnTo>
                    <a:pt x="8" y="34"/>
                  </a:lnTo>
                  <a:lnTo>
                    <a:pt x="4" y="32"/>
                  </a:lnTo>
                  <a:lnTo>
                    <a:pt x="4" y="32"/>
                  </a:lnTo>
                  <a:lnTo>
                    <a:pt x="3" y="29"/>
                  </a:lnTo>
                  <a:lnTo>
                    <a:pt x="1" y="27"/>
                  </a:lnTo>
                  <a:lnTo>
                    <a:pt x="0" y="18"/>
                  </a:lnTo>
                  <a:lnTo>
                    <a:pt x="0" y="18"/>
                  </a:lnTo>
                  <a:lnTo>
                    <a:pt x="1" y="10"/>
                  </a:lnTo>
                  <a:lnTo>
                    <a:pt x="3" y="6"/>
                  </a:lnTo>
                  <a:lnTo>
                    <a:pt x="4" y="4"/>
                  </a:lnTo>
                  <a:lnTo>
                    <a:pt x="4" y="4"/>
                  </a:lnTo>
                  <a:lnTo>
                    <a:pt x="6" y="3"/>
                  </a:lnTo>
                  <a:lnTo>
                    <a:pt x="9" y="2"/>
                  </a:lnTo>
                  <a:lnTo>
                    <a:pt x="16" y="0"/>
                  </a:lnTo>
                  <a:lnTo>
                    <a:pt x="16" y="0"/>
                  </a:lnTo>
                  <a:lnTo>
                    <a:pt x="24" y="2"/>
                  </a:lnTo>
                  <a:lnTo>
                    <a:pt x="29" y="4"/>
                  </a:lnTo>
                  <a:lnTo>
                    <a:pt x="29" y="4"/>
                  </a:lnTo>
                  <a:lnTo>
                    <a:pt x="30" y="6"/>
                  </a:lnTo>
                  <a:lnTo>
                    <a:pt x="31" y="10"/>
                  </a:lnTo>
                  <a:lnTo>
                    <a:pt x="33" y="18"/>
                  </a:lnTo>
                  <a:lnTo>
                    <a:pt x="33" y="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grpSp>
        <p:nvGrpSpPr>
          <p:cNvPr id="28" name="Group 27">
            <a:extLst>
              <a:ext uri="{FF2B5EF4-FFF2-40B4-BE49-F238E27FC236}">
                <a16:creationId xmlns:a16="http://schemas.microsoft.com/office/drawing/2014/main" id="{B9BE17E9-36EF-4E47-A9FC-966A6C9B45F3}"/>
              </a:ext>
            </a:extLst>
          </p:cNvPr>
          <p:cNvGrpSpPr/>
          <p:nvPr userDrawn="1"/>
        </p:nvGrpSpPr>
        <p:grpSpPr>
          <a:xfrm>
            <a:off x="7088717" y="2779184"/>
            <a:ext cx="203200" cy="205317"/>
            <a:chOff x="5316538" y="2084388"/>
            <a:chExt cx="152400" cy="153988"/>
          </a:xfrm>
        </p:grpSpPr>
        <p:sp>
          <p:nvSpPr>
            <p:cNvPr id="20" name="Freeform 18">
              <a:extLst>
                <a:ext uri="{FF2B5EF4-FFF2-40B4-BE49-F238E27FC236}">
                  <a16:creationId xmlns:a16="http://schemas.microsoft.com/office/drawing/2014/main" id="{D99747BF-7278-49BE-BA5D-E5830564547D}"/>
                </a:ext>
              </a:extLst>
            </p:cNvPr>
            <p:cNvSpPr>
              <a:spLocks/>
            </p:cNvSpPr>
            <p:nvPr userDrawn="1"/>
          </p:nvSpPr>
          <p:spPr bwMode="auto">
            <a:xfrm>
              <a:off x="5316538" y="2084388"/>
              <a:ext cx="95250" cy="153988"/>
            </a:xfrm>
            <a:custGeom>
              <a:avLst/>
              <a:gdLst>
                <a:gd name="T0" fmla="*/ 117 w 118"/>
                <a:gd name="T1" fmla="*/ 151 h 195"/>
                <a:gd name="T2" fmla="*/ 109 w 118"/>
                <a:gd name="T3" fmla="*/ 172 h 195"/>
                <a:gd name="T4" fmla="*/ 92 w 118"/>
                <a:gd name="T5" fmla="*/ 187 h 195"/>
                <a:gd name="T6" fmla="*/ 66 w 118"/>
                <a:gd name="T7" fmla="*/ 193 h 195"/>
                <a:gd name="T8" fmla="*/ 43 w 118"/>
                <a:gd name="T9" fmla="*/ 195 h 195"/>
                <a:gd name="T10" fmla="*/ 19 w 118"/>
                <a:gd name="T11" fmla="*/ 190 h 195"/>
                <a:gd name="T12" fmla="*/ 9 w 118"/>
                <a:gd name="T13" fmla="*/ 185 h 195"/>
                <a:gd name="T14" fmla="*/ 2 w 118"/>
                <a:gd name="T15" fmla="*/ 180 h 195"/>
                <a:gd name="T16" fmla="*/ 1 w 118"/>
                <a:gd name="T17" fmla="*/ 177 h 195"/>
                <a:gd name="T18" fmla="*/ 0 w 118"/>
                <a:gd name="T19" fmla="*/ 169 h 195"/>
                <a:gd name="T20" fmla="*/ 1 w 118"/>
                <a:gd name="T21" fmla="*/ 161 h 195"/>
                <a:gd name="T22" fmla="*/ 4 w 118"/>
                <a:gd name="T23" fmla="*/ 159 h 195"/>
                <a:gd name="T24" fmla="*/ 10 w 118"/>
                <a:gd name="T25" fmla="*/ 161 h 195"/>
                <a:gd name="T26" fmla="*/ 34 w 118"/>
                <a:gd name="T27" fmla="*/ 172 h 195"/>
                <a:gd name="T28" fmla="*/ 53 w 118"/>
                <a:gd name="T29" fmla="*/ 174 h 195"/>
                <a:gd name="T30" fmla="*/ 70 w 118"/>
                <a:gd name="T31" fmla="*/ 172 h 195"/>
                <a:gd name="T32" fmla="*/ 82 w 118"/>
                <a:gd name="T33" fmla="*/ 165 h 195"/>
                <a:gd name="T34" fmla="*/ 91 w 118"/>
                <a:gd name="T35" fmla="*/ 154 h 195"/>
                <a:gd name="T36" fmla="*/ 93 w 118"/>
                <a:gd name="T37" fmla="*/ 140 h 195"/>
                <a:gd name="T38" fmla="*/ 89 w 118"/>
                <a:gd name="T39" fmla="*/ 125 h 195"/>
                <a:gd name="T40" fmla="*/ 80 w 118"/>
                <a:gd name="T41" fmla="*/ 115 h 195"/>
                <a:gd name="T42" fmla="*/ 65 w 118"/>
                <a:gd name="T43" fmla="*/ 107 h 195"/>
                <a:gd name="T44" fmla="*/ 44 w 118"/>
                <a:gd name="T45" fmla="*/ 105 h 195"/>
                <a:gd name="T46" fmla="*/ 23 w 118"/>
                <a:gd name="T47" fmla="*/ 105 h 195"/>
                <a:gd name="T48" fmla="*/ 21 w 118"/>
                <a:gd name="T49" fmla="*/ 102 h 195"/>
                <a:gd name="T50" fmla="*/ 19 w 118"/>
                <a:gd name="T51" fmla="*/ 94 h 195"/>
                <a:gd name="T52" fmla="*/ 19 w 118"/>
                <a:gd name="T53" fmla="*/ 90 h 195"/>
                <a:gd name="T54" fmla="*/ 23 w 118"/>
                <a:gd name="T55" fmla="*/ 85 h 195"/>
                <a:gd name="T56" fmla="*/ 41 w 118"/>
                <a:gd name="T57" fmla="*/ 85 h 195"/>
                <a:gd name="T58" fmla="*/ 59 w 118"/>
                <a:gd name="T59" fmla="*/ 83 h 195"/>
                <a:gd name="T60" fmla="*/ 72 w 118"/>
                <a:gd name="T61" fmla="*/ 76 h 195"/>
                <a:gd name="T62" fmla="*/ 80 w 118"/>
                <a:gd name="T63" fmla="*/ 64 h 195"/>
                <a:gd name="T64" fmla="*/ 82 w 118"/>
                <a:gd name="T65" fmla="*/ 49 h 195"/>
                <a:gd name="T66" fmla="*/ 81 w 118"/>
                <a:gd name="T67" fmla="*/ 39 h 195"/>
                <a:gd name="T68" fmla="*/ 76 w 118"/>
                <a:gd name="T69" fmla="*/ 30 h 195"/>
                <a:gd name="T70" fmla="*/ 65 w 118"/>
                <a:gd name="T71" fmla="*/ 23 h 195"/>
                <a:gd name="T72" fmla="*/ 51 w 118"/>
                <a:gd name="T73" fmla="*/ 21 h 195"/>
                <a:gd name="T74" fmla="*/ 36 w 118"/>
                <a:gd name="T75" fmla="*/ 23 h 195"/>
                <a:gd name="T76" fmla="*/ 24 w 118"/>
                <a:gd name="T77" fmla="*/ 29 h 195"/>
                <a:gd name="T78" fmla="*/ 10 w 118"/>
                <a:gd name="T79" fmla="*/ 37 h 195"/>
                <a:gd name="T80" fmla="*/ 8 w 118"/>
                <a:gd name="T81" fmla="*/ 37 h 195"/>
                <a:gd name="T82" fmla="*/ 5 w 118"/>
                <a:gd name="T83" fmla="*/ 32 h 195"/>
                <a:gd name="T84" fmla="*/ 5 w 118"/>
                <a:gd name="T85" fmla="*/ 26 h 195"/>
                <a:gd name="T86" fmla="*/ 6 w 118"/>
                <a:gd name="T87" fmla="*/ 19 h 195"/>
                <a:gd name="T88" fmla="*/ 8 w 118"/>
                <a:gd name="T89" fmla="*/ 18 h 195"/>
                <a:gd name="T90" fmla="*/ 15 w 118"/>
                <a:gd name="T91" fmla="*/ 11 h 195"/>
                <a:gd name="T92" fmla="*/ 25 w 118"/>
                <a:gd name="T93" fmla="*/ 6 h 195"/>
                <a:gd name="T94" fmla="*/ 48 w 118"/>
                <a:gd name="T95" fmla="*/ 1 h 195"/>
                <a:gd name="T96" fmla="*/ 70 w 118"/>
                <a:gd name="T97" fmla="*/ 1 h 195"/>
                <a:gd name="T98" fmla="*/ 89 w 118"/>
                <a:gd name="T99" fmla="*/ 8 h 195"/>
                <a:gd name="T100" fmla="*/ 102 w 118"/>
                <a:gd name="T101" fmla="*/ 19 h 195"/>
                <a:gd name="T102" fmla="*/ 109 w 118"/>
                <a:gd name="T103" fmla="*/ 37 h 195"/>
                <a:gd name="T104" fmla="*/ 109 w 118"/>
                <a:gd name="T105" fmla="*/ 55 h 195"/>
                <a:gd name="T106" fmla="*/ 104 w 118"/>
                <a:gd name="T107" fmla="*/ 70 h 195"/>
                <a:gd name="T108" fmla="*/ 95 w 118"/>
                <a:gd name="T109" fmla="*/ 83 h 195"/>
                <a:gd name="T110" fmla="*/ 82 w 118"/>
                <a:gd name="T111" fmla="*/ 91 h 195"/>
                <a:gd name="T112" fmla="*/ 74 w 118"/>
                <a:gd name="T113" fmla="*/ 93 h 195"/>
                <a:gd name="T114" fmla="*/ 92 w 118"/>
                <a:gd name="T115" fmla="*/ 98 h 195"/>
                <a:gd name="T116" fmla="*/ 107 w 118"/>
                <a:gd name="T117" fmla="*/ 107 h 195"/>
                <a:gd name="T118" fmla="*/ 116 w 118"/>
                <a:gd name="T119" fmla="*/ 121 h 195"/>
                <a:gd name="T120" fmla="*/ 118 w 118"/>
                <a:gd name="T121" fmla="*/ 138 h 19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 ang="0">
                  <a:pos x="T120" y="T121"/>
                </a:cxn>
              </a:cxnLst>
              <a:rect l="0" t="0" r="r" b="b"/>
              <a:pathLst>
                <a:path w="118" h="195">
                  <a:moveTo>
                    <a:pt x="118" y="138"/>
                  </a:moveTo>
                  <a:lnTo>
                    <a:pt x="118" y="138"/>
                  </a:lnTo>
                  <a:lnTo>
                    <a:pt x="117" y="151"/>
                  </a:lnTo>
                  <a:lnTo>
                    <a:pt x="114" y="161"/>
                  </a:lnTo>
                  <a:lnTo>
                    <a:pt x="114" y="161"/>
                  </a:lnTo>
                  <a:lnTo>
                    <a:pt x="109" y="172"/>
                  </a:lnTo>
                  <a:lnTo>
                    <a:pt x="101" y="180"/>
                  </a:lnTo>
                  <a:lnTo>
                    <a:pt x="101" y="180"/>
                  </a:lnTo>
                  <a:lnTo>
                    <a:pt x="92" y="187"/>
                  </a:lnTo>
                  <a:lnTo>
                    <a:pt x="80" y="191"/>
                  </a:lnTo>
                  <a:lnTo>
                    <a:pt x="80" y="191"/>
                  </a:lnTo>
                  <a:lnTo>
                    <a:pt x="66" y="193"/>
                  </a:lnTo>
                  <a:lnTo>
                    <a:pt x="53" y="195"/>
                  </a:lnTo>
                  <a:lnTo>
                    <a:pt x="53" y="195"/>
                  </a:lnTo>
                  <a:lnTo>
                    <a:pt x="43" y="195"/>
                  </a:lnTo>
                  <a:lnTo>
                    <a:pt x="34" y="193"/>
                  </a:lnTo>
                  <a:lnTo>
                    <a:pt x="34" y="193"/>
                  </a:lnTo>
                  <a:lnTo>
                    <a:pt x="19" y="190"/>
                  </a:lnTo>
                  <a:lnTo>
                    <a:pt x="19" y="190"/>
                  </a:lnTo>
                  <a:lnTo>
                    <a:pt x="9" y="185"/>
                  </a:lnTo>
                  <a:lnTo>
                    <a:pt x="9" y="185"/>
                  </a:lnTo>
                  <a:lnTo>
                    <a:pt x="4" y="182"/>
                  </a:lnTo>
                  <a:lnTo>
                    <a:pt x="4" y="182"/>
                  </a:lnTo>
                  <a:lnTo>
                    <a:pt x="2" y="180"/>
                  </a:lnTo>
                  <a:lnTo>
                    <a:pt x="2" y="180"/>
                  </a:lnTo>
                  <a:lnTo>
                    <a:pt x="1" y="177"/>
                  </a:lnTo>
                  <a:lnTo>
                    <a:pt x="1" y="177"/>
                  </a:lnTo>
                  <a:lnTo>
                    <a:pt x="1" y="174"/>
                  </a:lnTo>
                  <a:lnTo>
                    <a:pt x="1" y="174"/>
                  </a:lnTo>
                  <a:lnTo>
                    <a:pt x="0" y="169"/>
                  </a:lnTo>
                  <a:lnTo>
                    <a:pt x="0" y="169"/>
                  </a:lnTo>
                  <a:lnTo>
                    <a:pt x="1" y="165"/>
                  </a:lnTo>
                  <a:lnTo>
                    <a:pt x="1" y="161"/>
                  </a:lnTo>
                  <a:lnTo>
                    <a:pt x="1" y="161"/>
                  </a:lnTo>
                  <a:lnTo>
                    <a:pt x="2" y="160"/>
                  </a:lnTo>
                  <a:lnTo>
                    <a:pt x="4" y="159"/>
                  </a:lnTo>
                  <a:lnTo>
                    <a:pt x="4" y="159"/>
                  </a:lnTo>
                  <a:lnTo>
                    <a:pt x="10" y="161"/>
                  </a:lnTo>
                  <a:lnTo>
                    <a:pt x="10" y="161"/>
                  </a:lnTo>
                  <a:lnTo>
                    <a:pt x="19" y="167"/>
                  </a:lnTo>
                  <a:lnTo>
                    <a:pt x="19" y="167"/>
                  </a:lnTo>
                  <a:lnTo>
                    <a:pt x="34" y="172"/>
                  </a:lnTo>
                  <a:lnTo>
                    <a:pt x="34" y="172"/>
                  </a:lnTo>
                  <a:lnTo>
                    <a:pt x="43" y="174"/>
                  </a:lnTo>
                  <a:lnTo>
                    <a:pt x="53" y="174"/>
                  </a:lnTo>
                  <a:lnTo>
                    <a:pt x="53" y="174"/>
                  </a:lnTo>
                  <a:lnTo>
                    <a:pt x="62" y="174"/>
                  </a:lnTo>
                  <a:lnTo>
                    <a:pt x="70" y="172"/>
                  </a:lnTo>
                  <a:lnTo>
                    <a:pt x="70" y="172"/>
                  </a:lnTo>
                  <a:lnTo>
                    <a:pt x="77" y="168"/>
                  </a:lnTo>
                  <a:lnTo>
                    <a:pt x="82" y="165"/>
                  </a:lnTo>
                  <a:lnTo>
                    <a:pt x="82" y="165"/>
                  </a:lnTo>
                  <a:lnTo>
                    <a:pt x="87" y="160"/>
                  </a:lnTo>
                  <a:lnTo>
                    <a:pt x="91" y="154"/>
                  </a:lnTo>
                  <a:lnTo>
                    <a:pt x="91" y="154"/>
                  </a:lnTo>
                  <a:lnTo>
                    <a:pt x="92" y="147"/>
                  </a:lnTo>
                  <a:lnTo>
                    <a:pt x="93" y="140"/>
                  </a:lnTo>
                  <a:lnTo>
                    <a:pt x="93" y="140"/>
                  </a:lnTo>
                  <a:lnTo>
                    <a:pt x="92" y="132"/>
                  </a:lnTo>
                  <a:lnTo>
                    <a:pt x="89" y="125"/>
                  </a:lnTo>
                  <a:lnTo>
                    <a:pt x="89" y="125"/>
                  </a:lnTo>
                  <a:lnTo>
                    <a:pt x="86" y="120"/>
                  </a:lnTo>
                  <a:lnTo>
                    <a:pt x="80" y="115"/>
                  </a:lnTo>
                  <a:lnTo>
                    <a:pt x="80" y="115"/>
                  </a:lnTo>
                  <a:lnTo>
                    <a:pt x="73" y="110"/>
                  </a:lnTo>
                  <a:lnTo>
                    <a:pt x="65" y="107"/>
                  </a:lnTo>
                  <a:lnTo>
                    <a:pt x="65" y="107"/>
                  </a:lnTo>
                  <a:lnTo>
                    <a:pt x="55" y="106"/>
                  </a:lnTo>
                  <a:lnTo>
                    <a:pt x="44" y="105"/>
                  </a:lnTo>
                  <a:lnTo>
                    <a:pt x="25" y="105"/>
                  </a:lnTo>
                  <a:lnTo>
                    <a:pt x="25" y="105"/>
                  </a:lnTo>
                  <a:lnTo>
                    <a:pt x="23" y="105"/>
                  </a:lnTo>
                  <a:lnTo>
                    <a:pt x="23" y="105"/>
                  </a:lnTo>
                  <a:lnTo>
                    <a:pt x="21" y="102"/>
                  </a:lnTo>
                  <a:lnTo>
                    <a:pt x="21" y="102"/>
                  </a:lnTo>
                  <a:lnTo>
                    <a:pt x="20" y="100"/>
                  </a:lnTo>
                  <a:lnTo>
                    <a:pt x="20" y="100"/>
                  </a:lnTo>
                  <a:lnTo>
                    <a:pt x="19" y="94"/>
                  </a:lnTo>
                  <a:lnTo>
                    <a:pt x="19" y="94"/>
                  </a:lnTo>
                  <a:lnTo>
                    <a:pt x="19" y="90"/>
                  </a:lnTo>
                  <a:lnTo>
                    <a:pt x="19" y="90"/>
                  </a:lnTo>
                  <a:lnTo>
                    <a:pt x="21" y="87"/>
                  </a:lnTo>
                  <a:lnTo>
                    <a:pt x="21" y="87"/>
                  </a:lnTo>
                  <a:lnTo>
                    <a:pt x="23" y="85"/>
                  </a:lnTo>
                  <a:lnTo>
                    <a:pt x="23" y="85"/>
                  </a:lnTo>
                  <a:lnTo>
                    <a:pt x="25" y="85"/>
                  </a:lnTo>
                  <a:lnTo>
                    <a:pt x="41" y="85"/>
                  </a:lnTo>
                  <a:lnTo>
                    <a:pt x="41" y="85"/>
                  </a:lnTo>
                  <a:lnTo>
                    <a:pt x="50" y="85"/>
                  </a:lnTo>
                  <a:lnTo>
                    <a:pt x="59" y="83"/>
                  </a:lnTo>
                  <a:lnTo>
                    <a:pt x="59" y="83"/>
                  </a:lnTo>
                  <a:lnTo>
                    <a:pt x="66" y="79"/>
                  </a:lnTo>
                  <a:lnTo>
                    <a:pt x="72" y="76"/>
                  </a:lnTo>
                  <a:lnTo>
                    <a:pt x="72" y="76"/>
                  </a:lnTo>
                  <a:lnTo>
                    <a:pt x="77" y="70"/>
                  </a:lnTo>
                  <a:lnTo>
                    <a:pt x="80" y="64"/>
                  </a:lnTo>
                  <a:lnTo>
                    <a:pt x="80" y="64"/>
                  </a:lnTo>
                  <a:lnTo>
                    <a:pt x="82" y="57"/>
                  </a:lnTo>
                  <a:lnTo>
                    <a:pt x="82" y="49"/>
                  </a:lnTo>
                  <a:lnTo>
                    <a:pt x="82" y="49"/>
                  </a:lnTo>
                  <a:lnTo>
                    <a:pt x="82" y="44"/>
                  </a:lnTo>
                  <a:lnTo>
                    <a:pt x="81" y="39"/>
                  </a:lnTo>
                  <a:lnTo>
                    <a:pt x="81" y="39"/>
                  </a:lnTo>
                  <a:lnTo>
                    <a:pt x="79" y="33"/>
                  </a:lnTo>
                  <a:lnTo>
                    <a:pt x="76" y="30"/>
                  </a:lnTo>
                  <a:lnTo>
                    <a:pt x="76" y="30"/>
                  </a:lnTo>
                  <a:lnTo>
                    <a:pt x="71" y="25"/>
                  </a:lnTo>
                  <a:lnTo>
                    <a:pt x="65" y="23"/>
                  </a:lnTo>
                  <a:lnTo>
                    <a:pt x="65" y="23"/>
                  </a:lnTo>
                  <a:lnTo>
                    <a:pt x="59" y="22"/>
                  </a:lnTo>
                  <a:lnTo>
                    <a:pt x="51" y="21"/>
                  </a:lnTo>
                  <a:lnTo>
                    <a:pt x="51" y="21"/>
                  </a:lnTo>
                  <a:lnTo>
                    <a:pt x="43" y="22"/>
                  </a:lnTo>
                  <a:lnTo>
                    <a:pt x="36" y="23"/>
                  </a:lnTo>
                  <a:lnTo>
                    <a:pt x="36" y="23"/>
                  </a:lnTo>
                  <a:lnTo>
                    <a:pt x="24" y="29"/>
                  </a:lnTo>
                  <a:lnTo>
                    <a:pt x="24" y="29"/>
                  </a:lnTo>
                  <a:lnTo>
                    <a:pt x="15" y="34"/>
                  </a:lnTo>
                  <a:lnTo>
                    <a:pt x="15" y="34"/>
                  </a:lnTo>
                  <a:lnTo>
                    <a:pt x="10" y="37"/>
                  </a:lnTo>
                  <a:lnTo>
                    <a:pt x="10" y="37"/>
                  </a:lnTo>
                  <a:lnTo>
                    <a:pt x="8" y="37"/>
                  </a:lnTo>
                  <a:lnTo>
                    <a:pt x="8" y="37"/>
                  </a:lnTo>
                  <a:lnTo>
                    <a:pt x="6" y="36"/>
                  </a:lnTo>
                  <a:lnTo>
                    <a:pt x="6" y="36"/>
                  </a:lnTo>
                  <a:lnTo>
                    <a:pt x="5" y="32"/>
                  </a:lnTo>
                  <a:lnTo>
                    <a:pt x="5" y="32"/>
                  </a:lnTo>
                  <a:lnTo>
                    <a:pt x="5" y="26"/>
                  </a:lnTo>
                  <a:lnTo>
                    <a:pt x="5" y="26"/>
                  </a:lnTo>
                  <a:lnTo>
                    <a:pt x="5" y="23"/>
                  </a:lnTo>
                  <a:lnTo>
                    <a:pt x="5" y="23"/>
                  </a:lnTo>
                  <a:lnTo>
                    <a:pt x="6" y="19"/>
                  </a:lnTo>
                  <a:lnTo>
                    <a:pt x="6" y="19"/>
                  </a:lnTo>
                  <a:lnTo>
                    <a:pt x="8" y="18"/>
                  </a:lnTo>
                  <a:lnTo>
                    <a:pt x="8" y="18"/>
                  </a:lnTo>
                  <a:lnTo>
                    <a:pt x="9" y="15"/>
                  </a:lnTo>
                  <a:lnTo>
                    <a:pt x="9" y="15"/>
                  </a:lnTo>
                  <a:lnTo>
                    <a:pt x="15" y="11"/>
                  </a:lnTo>
                  <a:lnTo>
                    <a:pt x="15" y="11"/>
                  </a:lnTo>
                  <a:lnTo>
                    <a:pt x="25" y="6"/>
                  </a:lnTo>
                  <a:lnTo>
                    <a:pt x="25" y="6"/>
                  </a:lnTo>
                  <a:lnTo>
                    <a:pt x="40" y="2"/>
                  </a:lnTo>
                  <a:lnTo>
                    <a:pt x="40" y="2"/>
                  </a:lnTo>
                  <a:lnTo>
                    <a:pt x="48" y="1"/>
                  </a:lnTo>
                  <a:lnTo>
                    <a:pt x="57" y="0"/>
                  </a:lnTo>
                  <a:lnTo>
                    <a:pt x="57" y="0"/>
                  </a:lnTo>
                  <a:lnTo>
                    <a:pt x="70" y="1"/>
                  </a:lnTo>
                  <a:lnTo>
                    <a:pt x="80" y="3"/>
                  </a:lnTo>
                  <a:lnTo>
                    <a:pt x="80" y="3"/>
                  </a:lnTo>
                  <a:lnTo>
                    <a:pt x="89" y="8"/>
                  </a:lnTo>
                  <a:lnTo>
                    <a:pt x="96" y="13"/>
                  </a:lnTo>
                  <a:lnTo>
                    <a:pt x="96" y="13"/>
                  </a:lnTo>
                  <a:lnTo>
                    <a:pt x="102" y="19"/>
                  </a:lnTo>
                  <a:lnTo>
                    <a:pt x="107" y="28"/>
                  </a:lnTo>
                  <a:lnTo>
                    <a:pt x="107" y="28"/>
                  </a:lnTo>
                  <a:lnTo>
                    <a:pt x="109" y="37"/>
                  </a:lnTo>
                  <a:lnTo>
                    <a:pt x="110" y="47"/>
                  </a:lnTo>
                  <a:lnTo>
                    <a:pt x="110" y="47"/>
                  </a:lnTo>
                  <a:lnTo>
                    <a:pt x="109" y="55"/>
                  </a:lnTo>
                  <a:lnTo>
                    <a:pt x="108" y="63"/>
                  </a:lnTo>
                  <a:lnTo>
                    <a:pt x="108" y="63"/>
                  </a:lnTo>
                  <a:lnTo>
                    <a:pt x="104" y="70"/>
                  </a:lnTo>
                  <a:lnTo>
                    <a:pt x="101" y="77"/>
                  </a:lnTo>
                  <a:lnTo>
                    <a:pt x="101" y="77"/>
                  </a:lnTo>
                  <a:lnTo>
                    <a:pt x="95" y="83"/>
                  </a:lnTo>
                  <a:lnTo>
                    <a:pt x="89" y="87"/>
                  </a:lnTo>
                  <a:lnTo>
                    <a:pt x="89" y="87"/>
                  </a:lnTo>
                  <a:lnTo>
                    <a:pt x="82" y="91"/>
                  </a:lnTo>
                  <a:lnTo>
                    <a:pt x="74" y="93"/>
                  </a:lnTo>
                  <a:lnTo>
                    <a:pt x="74" y="93"/>
                  </a:lnTo>
                  <a:lnTo>
                    <a:pt x="74" y="93"/>
                  </a:lnTo>
                  <a:lnTo>
                    <a:pt x="84" y="94"/>
                  </a:lnTo>
                  <a:lnTo>
                    <a:pt x="92" y="98"/>
                  </a:lnTo>
                  <a:lnTo>
                    <a:pt x="92" y="98"/>
                  </a:lnTo>
                  <a:lnTo>
                    <a:pt x="100" y="102"/>
                  </a:lnTo>
                  <a:lnTo>
                    <a:pt x="107" y="107"/>
                  </a:lnTo>
                  <a:lnTo>
                    <a:pt x="107" y="107"/>
                  </a:lnTo>
                  <a:lnTo>
                    <a:pt x="111" y="114"/>
                  </a:lnTo>
                  <a:lnTo>
                    <a:pt x="116" y="121"/>
                  </a:lnTo>
                  <a:lnTo>
                    <a:pt x="116" y="121"/>
                  </a:lnTo>
                  <a:lnTo>
                    <a:pt x="118" y="129"/>
                  </a:lnTo>
                  <a:lnTo>
                    <a:pt x="118" y="138"/>
                  </a:lnTo>
                  <a:lnTo>
                    <a:pt x="118" y="13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21" name="Freeform 19">
              <a:extLst>
                <a:ext uri="{FF2B5EF4-FFF2-40B4-BE49-F238E27FC236}">
                  <a16:creationId xmlns:a16="http://schemas.microsoft.com/office/drawing/2014/main" id="{9EA08DC0-6E30-4A96-99A1-60448A9552EC}"/>
                </a:ext>
              </a:extLst>
            </p:cNvPr>
            <p:cNvSpPr>
              <a:spLocks/>
            </p:cNvSpPr>
            <p:nvPr userDrawn="1"/>
          </p:nvSpPr>
          <p:spPr bwMode="auto">
            <a:xfrm>
              <a:off x="5443538" y="2209801"/>
              <a:ext cx="25400" cy="28575"/>
            </a:xfrm>
            <a:custGeom>
              <a:avLst/>
              <a:gdLst>
                <a:gd name="T0" fmla="*/ 33 w 33"/>
                <a:gd name="T1" fmla="*/ 17 h 34"/>
                <a:gd name="T2" fmla="*/ 33 w 33"/>
                <a:gd name="T3" fmla="*/ 17 h 34"/>
                <a:gd name="T4" fmla="*/ 32 w 33"/>
                <a:gd name="T5" fmla="*/ 26 h 34"/>
                <a:gd name="T6" fmla="*/ 30 w 33"/>
                <a:gd name="T7" fmla="*/ 29 h 34"/>
                <a:gd name="T8" fmla="*/ 29 w 33"/>
                <a:gd name="T9" fmla="*/ 31 h 34"/>
                <a:gd name="T10" fmla="*/ 29 w 33"/>
                <a:gd name="T11" fmla="*/ 31 h 34"/>
                <a:gd name="T12" fmla="*/ 27 w 33"/>
                <a:gd name="T13" fmla="*/ 32 h 34"/>
                <a:gd name="T14" fmla="*/ 24 w 33"/>
                <a:gd name="T15" fmla="*/ 33 h 34"/>
                <a:gd name="T16" fmla="*/ 17 w 33"/>
                <a:gd name="T17" fmla="*/ 34 h 34"/>
                <a:gd name="T18" fmla="*/ 17 w 33"/>
                <a:gd name="T19" fmla="*/ 34 h 34"/>
                <a:gd name="T20" fmla="*/ 9 w 33"/>
                <a:gd name="T21" fmla="*/ 33 h 34"/>
                <a:gd name="T22" fmla="*/ 4 w 33"/>
                <a:gd name="T23" fmla="*/ 31 h 34"/>
                <a:gd name="T24" fmla="*/ 4 w 33"/>
                <a:gd name="T25" fmla="*/ 31 h 34"/>
                <a:gd name="T26" fmla="*/ 3 w 33"/>
                <a:gd name="T27" fmla="*/ 29 h 34"/>
                <a:gd name="T28" fmla="*/ 2 w 33"/>
                <a:gd name="T29" fmla="*/ 26 h 34"/>
                <a:gd name="T30" fmla="*/ 0 w 33"/>
                <a:gd name="T31" fmla="*/ 17 h 34"/>
                <a:gd name="T32" fmla="*/ 0 w 33"/>
                <a:gd name="T33" fmla="*/ 17 h 34"/>
                <a:gd name="T34" fmla="*/ 2 w 33"/>
                <a:gd name="T35" fmla="*/ 9 h 34"/>
                <a:gd name="T36" fmla="*/ 3 w 33"/>
                <a:gd name="T37" fmla="*/ 6 h 34"/>
                <a:gd name="T38" fmla="*/ 4 w 33"/>
                <a:gd name="T39" fmla="*/ 3 h 34"/>
                <a:gd name="T40" fmla="*/ 4 w 33"/>
                <a:gd name="T41" fmla="*/ 3 h 34"/>
                <a:gd name="T42" fmla="*/ 6 w 33"/>
                <a:gd name="T43" fmla="*/ 2 h 34"/>
                <a:gd name="T44" fmla="*/ 9 w 33"/>
                <a:gd name="T45" fmla="*/ 1 h 34"/>
                <a:gd name="T46" fmla="*/ 17 w 33"/>
                <a:gd name="T47" fmla="*/ 0 h 34"/>
                <a:gd name="T48" fmla="*/ 17 w 33"/>
                <a:gd name="T49" fmla="*/ 0 h 34"/>
                <a:gd name="T50" fmla="*/ 25 w 33"/>
                <a:gd name="T51" fmla="*/ 1 h 34"/>
                <a:gd name="T52" fmla="*/ 29 w 33"/>
                <a:gd name="T53" fmla="*/ 3 h 34"/>
                <a:gd name="T54" fmla="*/ 29 w 33"/>
                <a:gd name="T55" fmla="*/ 3 h 34"/>
                <a:gd name="T56" fmla="*/ 30 w 33"/>
                <a:gd name="T57" fmla="*/ 6 h 34"/>
                <a:gd name="T58" fmla="*/ 32 w 33"/>
                <a:gd name="T59" fmla="*/ 9 h 34"/>
                <a:gd name="T60" fmla="*/ 33 w 33"/>
                <a:gd name="T61" fmla="*/ 17 h 34"/>
                <a:gd name="T62" fmla="*/ 33 w 33"/>
                <a:gd name="T63" fmla="*/ 17 h 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33" h="34">
                  <a:moveTo>
                    <a:pt x="33" y="17"/>
                  </a:moveTo>
                  <a:lnTo>
                    <a:pt x="33" y="17"/>
                  </a:lnTo>
                  <a:lnTo>
                    <a:pt x="32" y="26"/>
                  </a:lnTo>
                  <a:lnTo>
                    <a:pt x="30" y="29"/>
                  </a:lnTo>
                  <a:lnTo>
                    <a:pt x="29" y="31"/>
                  </a:lnTo>
                  <a:lnTo>
                    <a:pt x="29" y="31"/>
                  </a:lnTo>
                  <a:lnTo>
                    <a:pt x="27" y="32"/>
                  </a:lnTo>
                  <a:lnTo>
                    <a:pt x="24" y="33"/>
                  </a:lnTo>
                  <a:lnTo>
                    <a:pt x="17" y="34"/>
                  </a:lnTo>
                  <a:lnTo>
                    <a:pt x="17" y="34"/>
                  </a:lnTo>
                  <a:lnTo>
                    <a:pt x="9" y="33"/>
                  </a:lnTo>
                  <a:lnTo>
                    <a:pt x="4" y="31"/>
                  </a:lnTo>
                  <a:lnTo>
                    <a:pt x="4" y="31"/>
                  </a:lnTo>
                  <a:lnTo>
                    <a:pt x="3" y="29"/>
                  </a:lnTo>
                  <a:lnTo>
                    <a:pt x="2" y="26"/>
                  </a:lnTo>
                  <a:lnTo>
                    <a:pt x="0" y="17"/>
                  </a:lnTo>
                  <a:lnTo>
                    <a:pt x="0" y="17"/>
                  </a:lnTo>
                  <a:lnTo>
                    <a:pt x="2" y="9"/>
                  </a:lnTo>
                  <a:lnTo>
                    <a:pt x="3" y="6"/>
                  </a:lnTo>
                  <a:lnTo>
                    <a:pt x="4" y="3"/>
                  </a:lnTo>
                  <a:lnTo>
                    <a:pt x="4" y="3"/>
                  </a:lnTo>
                  <a:lnTo>
                    <a:pt x="6" y="2"/>
                  </a:lnTo>
                  <a:lnTo>
                    <a:pt x="9" y="1"/>
                  </a:lnTo>
                  <a:lnTo>
                    <a:pt x="17" y="0"/>
                  </a:lnTo>
                  <a:lnTo>
                    <a:pt x="17" y="0"/>
                  </a:lnTo>
                  <a:lnTo>
                    <a:pt x="25" y="1"/>
                  </a:lnTo>
                  <a:lnTo>
                    <a:pt x="29" y="3"/>
                  </a:lnTo>
                  <a:lnTo>
                    <a:pt x="29" y="3"/>
                  </a:lnTo>
                  <a:lnTo>
                    <a:pt x="30" y="6"/>
                  </a:lnTo>
                  <a:lnTo>
                    <a:pt x="32" y="9"/>
                  </a:lnTo>
                  <a:lnTo>
                    <a:pt x="33" y="17"/>
                  </a:lnTo>
                  <a:lnTo>
                    <a:pt x="33" y="17"/>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grpSp>
        <p:nvGrpSpPr>
          <p:cNvPr id="29" name="Group 28">
            <a:extLst>
              <a:ext uri="{FF2B5EF4-FFF2-40B4-BE49-F238E27FC236}">
                <a16:creationId xmlns:a16="http://schemas.microsoft.com/office/drawing/2014/main" id="{CA433A73-C28A-4D59-ACA6-E0BCFE404DBB}"/>
              </a:ext>
            </a:extLst>
          </p:cNvPr>
          <p:cNvGrpSpPr/>
          <p:nvPr userDrawn="1"/>
        </p:nvGrpSpPr>
        <p:grpSpPr>
          <a:xfrm>
            <a:off x="6299201" y="3994151"/>
            <a:ext cx="211667" cy="203201"/>
            <a:chOff x="4724401" y="2995613"/>
            <a:chExt cx="158750" cy="152401"/>
          </a:xfrm>
        </p:grpSpPr>
        <p:sp>
          <p:nvSpPr>
            <p:cNvPr id="22" name="Freeform 20">
              <a:extLst>
                <a:ext uri="{FF2B5EF4-FFF2-40B4-BE49-F238E27FC236}">
                  <a16:creationId xmlns:a16="http://schemas.microsoft.com/office/drawing/2014/main" id="{A9551673-49BE-46DE-8DA9-2C0AEAF4B377}"/>
                </a:ext>
              </a:extLst>
            </p:cNvPr>
            <p:cNvSpPr>
              <a:spLocks noEditPoints="1"/>
            </p:cNvSpPr>
            <p:nvPr userDrawn="1"/>
          </p:nvSpPr>
          <p:spPr bwMode="auto">
            <a:xfrm>
              <a:off x="4724401" y="2995613"/>
              <a:ext cx="109538" cy="150813"/>
            </a:xfrm>
            <a:custGeom>
              <a:avLst/>
              <a:gdLst>
                <a:gd name="T0" fmla="*/ 137 w 137"/>
                <a:gd name="T1" fmla="*/ 136 h 190"/>
                <a:gd name="T2" fmla="*/ 135 w 137"/>
                <a:gd name="T3" fmla="*/ 144 h 190"/>
                <a:gd name="T4" fmla="*/ 134 w 137"/>
                <a:gd name="T5" fmla="*/ 145 h 190"/>
                <a:gd name="T6" fmla="*/ 110 w 137"/>
                <a:gd name="T7" fmla="*/ 146 h 190"/>
                <a:gd name="T8" fmla="*/ 110 w 137"/>
                <a:gd name="T9" fmla="*/ 185 h 190"/>
                <a:gd name="T10" fmla="*/ 110 w 137"/>
                <a:gd name="T11" fmla="*/ 187 h 190"/>
                <a:gd name="T12" fmla="*/ 107 w 137"/>
                <a:gd name="T13" fmla="*/ 189 h 190"/>
                <a:gd name="T14" fmla="*/ 103 w 137"/>
                <a:gd name="T15" fmla="*/ 190 h 190"/>
                <a:gd name="T16" fmla="*/ 97 w 137"/>
                <a:gd name="T17" fmla="*/ 190 h 190"/>
                <a:gd name="T18" fmla="*/ 91 w 137"/>
                <a:gd name="T19" fmla="*/ 190 h 190"/>
                <a:gd name="T20" fmla="*/ 88 w 137"/>
                <a:gd name="T21" fmla="*/ 189 h 190"/>
                <a:gd name="T22" fmla="*/ 86 w 137"/>
                <a:gd name="T23" fmla="*/ 187 h 190"/>
                <a:gd name="T24" fmla="*/ 84 w 137"/>
                <a:gd name="T25" fmla="*/ 146 h 190"/>
                <a:gd name="T26" fmla="*/ 7 w 137"/>
                <a:gd name="T27" fmla="*/ 146 h 190"/>
                <a:gd name="T28" fmla="*/ 5 w 137"/>
                <a:gd name="T29" fmla="*/ 146 h 190"/>
                <a:gd name="T30" fmla="*/ 3 w 137"/>
                <a:gd name="T31" fmla="*/ 144 h 190"/>
                <a:gd name="T32" fmla="*/ 1 w 137"/>
                <a:gd name="T33" fmla="*/ 140 h 190"/>
                <a:gd name="T34" fmla="*/ 0 w 137"/>
                <a:gd name="T35" fmla="*/ 134 h 190"/>
                <a:gd name="T36" fmla="*/ 1 w 137"/>
                <a:gd name="T37" fmla="*/ 130 h 190"/>
                <a:gd name="T38" fmla="*/ 1 w 137"/>
                <a:gd name="T39" fmla="*/ 125 h 190"/>
                <a:gd name="T40" fmla="*/ 3 w 137"/>
                <a:gd name="T41" fmla="*/ 122 h 190"/>
                <a:gd name="T42" fmla="*/ 72 w 137"/>
                <a:gd name="T43" fmla="*/ 4 h 190"/>
                <a:gd name="T44" fmla="*/ 74 w 137"/>
                <a:gd name="T45" fmla="*/ 2 h 190"/>
                <a:gd name="T46" fmla="*/ 77 w 137"/>
                <a:gd name="T47" fmla="*/ 0 h 190"/>
                <a:gd name="T48" fmla="*/ 83 w 137"/>
                <a:gd name="T49" fmla="*/ 0 h 190"/>
                <a:gd name="T50" fmla="*/ 91 w 137"/>
                <a:gd name="T51" fmla="*/ 0 h 190"/>
                <a:gd name="T52" fmla="*/ 99 w 137"/>
                <a:gd name="T53" fmla="*/ 0 h 190"/>
                <a:gd name="T54" fmla="*/ 105 w 137"/>
                <a:gd name="T55" fmla="*/ 1 h 190"/>
                <a:gd name="T56" fmla="*/ 109 w 137"/>
                <a:gd name="T57" fmla="*/ 2 h 190"/>
                <a:gd name="T58" fmla="*/ 110 w 137"/>
                <a:gd name="T59" fmla="*/ 4 h 190"/>
                <a:gd name="T60" fmla="*/ 132 w 137"/>
                <a:gd name="T61" fmla="*/ 125 h 190"/>
                <a:gd name="T62" fmla="*/ 134 w 137"/>
                <a:gd name="T63" fmla="*/ 125 h 190"/>
                <a:gd name="T64" fmla="*/ 135 w 137"/>
                <a:gd name="T65" fmla="*/ 128 h 190"/>
                <a:gd name="T66" fmla="*/ 137 w 137"/>
                <a:gd name="T67" fmla="*/ 136 h 190"/>
                <a:gd name="T68" fmla="*/ 84 w 137"/>
                <a:gd name="T69" fmla="*/ 22 h 190"/>
                <a:gd name="T70" fmla="*/ 23 w 137"/>
                <a:gd name="T71" fmla="*/ 125 h 190"/>
                <a:gd name="T72" fmla="*/ 84 w 137"/>
                <a:gd name="T73" fmla="*/ 22 h 19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Lst>
              <a:rect l="0" t="0" r="r" b="b"/>
              <a:pathLst>
                <a:path w="137" h="190">
                  <a:moveTo>
                    <a:pt x="137" y="136"/>
                  </a:moveTo>
                  <a:lnTo>
                    <a:pt x="137" y="136"/>
                  </a:lnTo>
                  <a:lnTo>
                    <a:pt x="136" y="140"/>
                  </a:lnTo>
                  <a:lnTo>
                    <a:pt x="135" y="144"/>
                  </a:lnTo>
                  <a:lnTo>
                    <a:pt x="135" y="144"/>
                  </a:lnTo>
                  <a:lnTo>
                    <a:pt x="134" y="145"/>
                  </a:lnTo>
                  <a:lnTo>
                    <a:pt x="132" y="146"/>
                  </a:lnTo>
                  <a:lnTo>
                    <a:pt x="110" y="146"/>
                  </a:lnTo>
                  <a:lnTo>
                    <a:pt x="110" y="185"/>
                  </a:lnTo>
                  <a:lnTo>
                    <a:pt x="110" y="185"/>
                  </a:lnTo>
                  <a:lnTo>
                    <a:pt x="110" y="187"/>
                  </a:lnTo>
                  <a:lnTo>
                    <a:pt x="110" y="187"/>
                  </a:lnTo>
                  <a:lnTo>
                    <a:pt x="107" y="189"/>
                  </a:lnTo>
                  <a:lnTo>
                    <a:pt x="107" y="189"/>
                  </a:lnTo>
                  <a:lnTo>
                    <a:pt x="103" y="190"/>
                  </a:lnTo>
                  <a:lnTo>
                    <a:pt x="103" y="190"/>
                  </a:lnTo>
                  <a:lnTo>
                    <a:pt x="97" y="190"/>
                  </a:lnTo>
                  <a:lnTo>
                    <a:pt x="97" y="190"/>
                  </a:lnTo>
                  <a:lnTo>
                    <a:pt x="91" y="190"/>
                  </a:lnTo>
                  <a:lnTo>
                    <a:pt x="91" y="190"/>
                  </a:lnTo>
                  <a:lnTo>
                    <a:pt x="88" y="189"/>
                  </a:lnTo>
                  <a:lnTo>
                    <a:pt x="88" y="189"/>
                  </a:lnTo>
                  <a:lnTo>
                    <a:pt x="86" y="187"/>
                  </a:lnTo>
                  <a:lnTo>
                    <a:pt x="86" y="187"/>
                  </a:lnTo>
                  <a:lnTo>
                    <a:pt x="84" y="185"/>
                  </a:lnTo>
                  <a:lnTo>
                    <a:pt x="84" y="146"/>
                  </a:lnTo>
                  <a:lnTo>
                    <a:pt x="7" y="146"/>
                  </a:lnTo>
                  <a:lnTo>
                    <a:pt x="7" y="146"/>
                  </a:lnTo>
                  <a:lnTo>
                    <a:pt x="5" y="146"/>
                  </a:lnTo>
                  <a:lnTo>
                    <a:pt x="5" y="146"/>
                  </a:lnTo>
                  <a:lnTo>
                    <a:pt x="3" y="144"/>
                  </a:lnTo>
                  <a:lnTo>
                    <a:pt x="3" y="144"/>
                  </a:lnTo>
                  <a:lnTo>
                    <a:pt x="1" y="140"/>
                  </a:lnTo>
                  <a:lnTo>
                    <a:pt x="1" y="140"/>
                  </a:lnTo>
                  <a:lnTo>
                    <a:pt x="0" y="134"/>
                  </a:lnTo>
                  <a:lnTo>
                    <a:pt x="0" y="134"/>
                  </a:lnTo>
                  <a:lnTo>
                    <a:pt x="1" y="130"/>
                  </a:lnTo>
                  <a:lnTo>
                    <a:pt x="1" y="130"/>
                  </a:lnTo>
                  <a:lnTo>
                    <a:pt x="1" y="125"/>
                  </a:lnTo>
                  <a:lnTo>
                    <a:pt x="1" y="125"/>
                  </a:lnTo>
                  <a:lnTo>
                    <a:pt x="3" y="122"/>
                  </a:lnTo>
                  <a:lnTo>
                    <a:pt x="3" y="122"/>
                  </a:lnTo>
                  <a:lnTo>
                    <a:pt x="5" y="118"/>
                  </a:lnTo>
                  <a:lnTo>
                    <a:pt x="72" y="4"/>
                  </a:lnTo>
                  <a:lnTo>
                    <a:pt x="72" y="4"/>
                  </a:lnTo>
                  <a:lnTo>
                    <a:pt x="74" y="2"/>
                  </a:lnTo>
                  <a:lnTo>
                    <a:pt x="74" y="2"/>
                  </a:lnTo>
                  <a:lnTo>
                    <a:pt x="77" y="0"/>
                  </a:lnTo>
                  <a:lnTo>
                    <a:pt x="77" y="0"/>
                  </a:lnTo>
                  <a:lnTo>
                    <a:pt x="83" y="0"/>
                  </a:lnTo>
                  <a:lnTo>
                    <a:pt x="83" y="0"/>
                  </a:lnTo>
                  <a:lnTo>
                    <a:pt x="91" y="0"/>
                  </a:lnTo>
                  <a:lnTo>
                    <a:pt x="91" y="0"/>
                  </a:lnTo>
                  <a:lnTo>
                    <a:pt x="99" y="0"/>
                  </a:lnTo>
                  <a:lnTo>
                    <a:pt x="99" y="0"/>
                  </a:lnTo>
                  <a:lnTo>
                    <a:pt x="105" y="1"/>
                  </a:lnTo>
                  <a:lnTo>
                    <a:pt x="105" y="1"/>
                  </a:lnTo>
                  <a:lnTo>
                    <a:pt x="109" y="2"/>
                  </a:lnTo>
                  <a:lnTo>
                    <a:pt x="109" y="2"/>
                  </a:lnTo>
                  <a:lnTo>
                    <a:pt x="110" y="4"/>
                  </a:lnTo>
                  <a:lnTo>
                    <a:pt x="110" y="125"/>
                  </a:lnTo>
                  <a:lnTo>
                    <a:pt x="132" y="125"/>
                  </a:lnTo>
                  <a:lnTo>
                    <a:pt x="132" y="125"/>
                  </a:lnTo>
                  <a:lnTo>
                    <a:pt x="134" y="125"/>
                  </a:lnTo>
                  <a:lnTo>
                    <a:pt x="135" y="128"/>
                  </a:lnTo>
                  <a:lnTo>
                    <a:pt x="135" y="128"/>
                  </a:lnTo>
                  <a:lnTo>
                    <a:pt x="136" y="131"/>
                  </a:lnTo>
                  <a:lnTo>
                    <a:pt x="137" y="136"/>
                  </a:lnTo>
                  <a:lnTo>
                    <a:pt x="137" y="136"/>
                  </a:lnTo>
                  <a:close/>
                  <a:moveTo>
                    <a:pt x="84" y="22"/>
                  </a:moveTo>
                  <a:lnTo>
                    <a:pt x="84" y="22"/>
                  </a:lnTo>
                  <a:lnTo>
                    <a:pt x="23" y="125"/>
                  </a:lnTo>
                  <a:lnTo>
                    <a:pt x="84" y="125"/>
                  </a:lnTo>
                  <a:lnTo>
                    <a:pt x="84" y="2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23" name="Freeform 21">
              <a:extLst>
                <a:ext uri="{FF2B5EF4-FFF2-40B4-BE49-F238E27FC236}">
                  <a16:creationId xmlns:a16="http://schemas.microsoft.com/office/drawing/2014/main" id="{8F024716-5069-4A98-BB4A-A7B3DFDE8FC0}"/>
                </a:ext>
              </a:extLst>
            </p:cNvPr>
            <p:cNvSpPr>
              <a:spLocks/>
            </p:cNvSpPr>
            <p:nvPr userDrawn="1"/>
          </p:nvSpPr>
          <p:spPr bwMode="auto">
            <a:xfrm>
              <a:off x="4857751" y="3121026"/>
              <a:ext cx="25400" cy="26988"/>
            </a:xfrm>
            <a:custGeom>
              <a:avLst/>
              <a:gdLst>
                <a:gd name="T0" fmla="*/ 33 w 33"/>
                <a:gd name="T1" fmla="*/ 18 h 35"/>
                <a:gd name="T2" fmla="*/ 33 w 33"/>
                <a:gd name="T3" fmla="*/ 18 h 35"/>
                <a:gd name="T4" fmla="*/ 31 w 33"/>
                <a:gd name="T5" fmla="*/ 26 h 35"/>
                <a:gd name="T6" fmla="*/ 30 w 33"/>
                <a:gd name="T7" fmla="*/ 29 h 35"/>
                <a:gd name="T8" fmla="*/ 29 w 33"/>
                <a:gd name="T9" fmla="*/ 31 h 35"/>
                <a:gd name="T10" fmla="*/ 29 w 33"/>
                <a:gd name="T11" fmla="*/ 31 h 35"/>
                <a:gd name="T12" fmla="*/ 27 w 33"/>
                <a:gd name="T13" fmla="*/ 33 h 35"/>
                <a:gd name="T14" fmla="*/ 23 w 33"/>
                <a:gd name="T15" fmla="*/ 34 h 35"/>
                <a:gd name="T16" fmla="*/ 16 w 33"/>
                <a:gd name="T17" fmla="*/ 35 h 35"/>
                <a:gd name="T18" fmla="*/ 16 w 33"/>
                <a:gd name="T19" fmla="*/ 35 h 35"/>
                <a:gd name="T20" fmla="*/ 8 w 33"/>
                <a:gd name="T21" fmla="*/ 34 h 35"/>
                <a:gd name="T22" fmla="*/ 4 w 33"/>
                <a:gd name="T23" fmla="*/ 31 h 35"/>
                <a:gd name="T24" fmla="*/ 4 w 33"/>
                <a:gd name="T25" fmla="*/ 31 h 35"/>
                <a:gd name="T26" fmla="*/ 3 w 33"/>
                <a:gd name="T27" fmla="*/ 29 h 35"/>
                <a:gd name="T28" fmla="*/ 1 w 33"/>
                <a:gd name="T29" fmla="*/ 26 h 35"/>
                <a:gd name="T30" fmla="*/ 0 w 33"/>
                <a:gd name="T31" fmla="*/ 18 h 35"/>
                <a:gd name="T32" fmla="*/ 0 w 33"/>
                <a:gd name="T33" fmla="*/ 18 h 35"/>
                <a:gd name="T34" fmla="*/ 1 w 33"/>
                <a:gd name="T35" fmla="*/ 10 h 35"/>
                <a:gd name="T36" fmla="*/ 3 w 33"/>
                <a:gd name="T37" fmla="*/ 6 h 35"/>
                <a:gd name="T38" fmla="*/ 4 w 33"/>
                <a:gd name="T39" fmla="*/ 4 h 35"/>
                <a:gd name="T40" fmla="*/ 4 w 33"/>
                <a:gd name="T41" fmla="*/ 4 h 35"/>
                <a:gd name="T42" fmla="*/ 6 w 33"/>
                <a:gd name="T43" fmla="*/ 3 h 35"/>
                <a:gd name="T44" fmla="*/ 8 w 33"/>
                <a:gd name="T45" fmla="*/ 1 h 35"/>
                <a:gd name="T46" fmla="*/ 16 w 33"/>
                <a:gd name="T47" fmla="*/ 0 h 35"/>
                <a:gd name="T48" fmla="*/ 16 w 33"/>
                <a:gd name="T49" fmla="*/ 0 h 35"/>
                <a:gd name="T50" fmla="*/ 24 w 33"/>
                <a:gd name="T51" fmla="*/ 1 h 35"/>
                <a:gd name="T52" fmla="*/ 29 w 33"/>
                <a:gd name="T53" fmla="*/ 4 h 35"/>
                <a:gd name="T54" fmla="*/ 29 w 33"/>
                <a:gd name="T55" fmla="*/ 4 h 35"/>
                <a:gd name="T56" fmla="*/ 30 w 33"/>
                <a:gd name="T57" fmla="*/ 6 h 35"/>
                <a:gd name="T58" fmla="*/ 31 w 33"/>
                <a:gd name="T59" fmla="*/ 10 h 35"/>
                <a:gd name="T60" fmla="*/ 33 w 33"/>
                <a:gd name="T61" fmla="*/ 18 h 35"/>
                <a:gd name="T62" fmla="*/ 33 w 33"/>
                <a:gd name="T63" fmla="*/ 18 h 3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33" h="35">
                  <a:moveTo>
                    <a:pt x="33" y="18"/>
                  </a:moveTo>
                  <a:lnTo>
                    <a:pt x="33" y="18"/>
                  </a:lnTo>
                  <a:lnTo>
                    <a:pt x="31" y="26"/>
                  </a:lnTo>
                  <a:lnTo>
                    <a:pt x="30" y="29"/>
                  </a:lnTo>
                  <a:lnTo>
                    <a:pt x="29" y="31"/>
                  </a:lnTo>
                  <a:lnTo>
                    <a:pt x="29" y="31"/>
                  </a:lnTo>
                  <a:lnTo>
                    <a:pt x="27" y="33"/>
                  </a:lnTo>
                  <a:lnTo>
                    <a:pt x="23" y="34"/>
                  </a:lnTo>
                  <a:lnTo>
                    <a:pt x="16" y="35"/>
                  </a:lnTo>
                  <a:lnTo>
                    <a:pt x="16" y="35"/>
                  </a:lnTo>
                  <a:lnTo>
                    <a:pt x="8" y="34"/>
                  </a:lnTo>
                  <a:lnTo>
                    <a:pt x="4" y="31"/>
                  </a:lnTo>
                  <a:lnTo>
                    <a:pt x="4" y="31"/>
                  </a:lnTo>
                  <a:lnTo>
                    <a:pt x="3" y="29"/>
                  </a:lnTo>
                  <a:lnTo>
                    <a:pt x="1" y="26"/>
                  </a:lnTo>
                  <a:lnTo>
                    <a:pt x="0" y="18"/>
                  </a:lnTo>
                  <a:lnTo>
                    <a:pt x="0" y="18"/>
                  </a:lnTo>
                  <a:lnTo>
                    <a:pt x="1" y="10"/>
                  </a:lnTo>
                  <a:lnTo>
                    <a:pt x="3" y="6"/>
                  </a:lnTo>
                  <a:lnTo>
                    <a:pt x="4" y="4"/>
                  </a:lnTo>
                  <a:lnTo>
                    <a:pt x="4" y="4"/>
                  </a:lnTo>
                  <a:lnTo>
                    <a:pt x="6" y="3"/>
                  </a:lnTo>
                  <a:lnTo>
                    <a:pt x="8" y="1"/>
                  </a:lnTo>
                  <a:lnTo>
                    <a:pt x="16" y="0"/>
                  </a:lnTo>
                  <a:lnTo>
                    <a:pt x="16" y="0"/>
                  </a:lnTo>
                  <a:lnTo>
                    <a:pt x="24" y="1"/>
                  </a:lnTo>
                  <a:lnTo>
                    <a:pt x="29" y="4"/>
                  </a:lnTo>
                  <a:lnTo>
                    <a:pt x="29" y="4"/>
                  </a:lnTo>
                  <a:lnTo>
                    <a:pt x="30" y="6"/>
                  </a:lnTo>
                  <a:lnTo>
                    <a:pt x="31" y="10"/>
                  </a:lnTo>
                  <a:lnTo>
                    <a:pt x="33" y="18"/>
                  </a:lnTo>
                  <a:lnTo>
                    <a:pt x="33" y="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grpSp>
        <p:nvGrpSpPr>
          <p:cNvPr id="27" name="Group 26">
            <a:extLst>
              <a:ext uri="{FF2B5EF4-FFF2-40B4-BE49-F238E27FC236}">
                <a16:creationId xmlns:a16="http://schemas.microsoft.com/office/drawing/2014/main" id="{040973B8-15C4-4AB7-BF7B-6D4A07182FCC}"/>
              </a:ext>
            </a:extLst>
          </p:cNvPr>
          <p:cNvGrpSpPr/>
          <p:nvPr userDrawn="1"/>
        </p:nvGrpSpPr>
        <p:grpSpPr>
          <a:xfrm>
            <a:off x="6030384" y="1716618"/>
            <a:ext cx="198968" cy="205317"/>
            <a:chOff x="4522788" y="1287463"/>
            <a:chExt cx="149226" cy="153988"/>
          </a:xfrm>
        </p:grpSpPr>
        <p:sp>
          <p:nvSpPr>
            <p:cNvPr id="24" name="Freeform 22">
              <a:extLst>
                <a:ext uri="{FF2B5EF4-FFF2-40B4-BE49-F238E27FC236}">
                  <a16:creationId xmlns:a16="http://schemas.microsoft.com/office/drawing/2014/main" id="{0A673B4C-C576-491A-8FFE-2EEC212ABB7F}"/>
                </a:ext>
              </a:extLst>
            </p:cNvPr>
            <p:cNvSpPr>
              <a:spLocks/>
            </p:cNvSpPr>
            <p:nvPr userDrawn="1"/>
          </p:nvSpPr>
          <p:spPr bwMode="auto">
            <a:xfrm>
              <a:off x="4522788" y="1287463"/>
              <a:ext cx="93663" cy="152400"/>
            </a:xfrm>
            <a:custGeom>
              <a:avLst/>
              <a:gdLst>
                <a:gd name="T0" fmla="*/ 118 w 118"/>
                <a:gd name="T1" fmla="*/ 182 h 193"/>
                <a:gd name="T2" fmla="*/ 118 w 118"/>
                <a:gd name="T3" fmla="*/ 187 h 193"/>
                <a:gd name="T4" fmla="*/ 117 w 118"/>
                <a:gd name="T5" fmla="*/ 190 h 193"/>
                <a:gd name="T6" fmla="*/ 115 w 118"/>
                <a:gd name="T7" fmla="*/ 193 h 193"/>
                <a:gd name="T8" fmla="*/ 8 w 118"/>
                <a:gd name="T9" fmla="*/ 193 h 193"/>
                <a:gd name="T10" fmla="*/ 4 w 118"/>
                <a:gd name="T11" fmla="*/ 193 h 193"/>
                <a:gd name="T12" fmla="*/ 2 w 118"/>
                <a:gd name="T13" fmla="*/ 190 h 193"/>
                <a:gd name="T14" fmla="*/ 0 w 118"/>
                <a:gd name="T15" fmla="*/ 187 h 193"/>
                <a:gd name="T16" fmla="*/ 0 w 118"/>
                <a:gd name="T17" fmla="*/ 182 h 193"/>
                <a:gd name="T18" fmla="*/ 0 w 118"/>
                <a:gd name="T19" fmla="*/ 177 h 193"/>
                <a:gd name="T20" fmla="*/ 1 w 118"/>
                <a:gd name="T21" fmla="*/ 173 h 193"/>
                <a:gd name="T22" fmla="*/ 3 w 118"/>
                <a:gd name="T23" fmla="*/ 170 h 193"/>
                <a:gd name="T24" fmla="*/ 6 w 118"/>
                <a:gd name="T25" fmla="*/ 166 h 193"/>
                <a:gd name="T26" fmla="*/ 44 w 118"/>
                <a:gd name="T27" fmla="*/ 127 h 193"/>
                <a:gd name="T28" fmla="*/ 64 w 118"/>
                <a:gd name="T29" fmla="*/ 103 h 193"/>
                <a:gd name="T30" fmla="*/ 71 w 118"/>
                <a:gd name="T31" fmla="*/ 92 h 193"/>
                <a:gd name="T32" fmla="*/ 77 w 118"/>
                <a:gd name="T33" fmla="*/ 83 h 193"/>
                <a:gd name="T34" fmla="*/ 83 w 118"/>
                <a:gd name="T35" fmla="*/ 67 h 193"/>
                <a:gd name="T36" fmla="*/ 84 w 118"/>
                <a:gd name="T37" fmla="*/ 54 h 193"/>
                <a:gd name="T38" fmla="*/ 84 w 118"/>
                <a:gd name="T39" fmla="*/ 48 h 193"/>
                <a:gd name="T40" fmla="*/ 82 w 118"/>
                <a:gd name="T41" fmla="*/ 42 h 193"/>
                <a:gd name="T42" fmla="*/ 76 w 118"/>
                <a:gd name="T43" fmla="*/ 33 h 193"/>
                <a:gd name="T44" fmla="*/ 71 w 118"/>
                <a:gd name="T45" fmla="*/ 28 h 193"/>
                <a:gd name="T46" fmla="*/ 65 w 118"/>
                <a:gd name="T47" fmla="*/ 26 h 193"/>
                <a:gd name="T48" fmla="*/ 52 w 118"/>
                <a:gd name="T49" fmla="*/ 23 h 193"/>
                <a:gd name="T50" fmla="*/ 44 w 118"/>
                <a:gd name="T51" fmla="*/ 23 h 193"/>
                <a:gd name="T52" fmla="*/ 36 w 118"/>
                <a:gd name="T53" fmla="*/ 26 h 193"/>
                <a:gd name="T54" fmla="*/ 23 w 118"/>
                <a:gd name="T55" fmla="*/ 31 h 193"/>
                <a:gd name="T56" fmla="*/ 14 w 118"/>
                <a:gd name="T57" fmla="*/ 36 h 193"/>
                <a:gd name="T58" fmla="*/ 8 w 118"/>
                <a:gd name="T59" fmla="*/ 38 h 193"/>
                <a:gd name="T60" fmla="*/ 6 w 118"/>
                <a:gd name="T61" fmla="*/ 38 h 193"/>
                <a:gd name="T62" fmla="*/ 4 w 118"/>
                <a:gd name="T63" fmla="*/ 36 h 193"/>
                <a:gd name="T64" fmla="*/ 3 w 118"/>
                <a:gd name="T65" fmla="*/ 33 h 193"/>
                <a:gd name="T66" fmla="*/ 3 w 118"/>
                <a:gd name="T67" fmla="*/ 28 h 193"/>
                <a:gd name="T68" fmla="*/ 3 w 118"/>
                <a:gd name="T69" fmla="*/ 23 h 193"/>
                <a:gd name="T70" fmla="*/ 4 w 118"/>
                <a:gd name="T71" fmla="*/ 21 h 193"/>
                <a:gd name="T72" fmla="*/ 4 w 118"/>
                <a:gd name="T73" fmla="*/ 19 h 193"/>
                <a:gd name="T74" fmla="*/ 8 w 118"/>
                <a:gd name="T75" fmla="*/ 16 h 193"/>
                <a:gd name="T76" fmla="*/ 14 w 118"/>
                <a:gd name="T77" fmla="*/ 12 h 193"/>
                <a:gd name="T78" fmla="*/ 24 w 118"/>
                <a:gd name="T79" fmla="*/ 7 h 193"/>
                <a:gd name="T80" fmla="*/ 39 w 118"/>
                <a:gd name="T81" fmla="*/ 3 h 193"/>
                <a:gd name="T82" fmla="*/ 47 w 118"/>
                <a:gd name="T83" fmla="*/ 1 h 193"/>
                <a:gd name="T84" fmla="*/ 55 w 118"/>
                <a:gd name="T85" fmla="*/ 0 h 193"/>
                <a:gd name="T86" fmla="*/ 79 w 118"/>
                <a:gd name="T87" fmla="*/ 5 h 193"/>
                <a:gd name="T88" fmla="*/ 88 w 118"/>
                <a:gd name="T89" fmla="*/ 10 h 193"/>
                <a:gd name="T90" fmla="*/ 97 w 118"/>
                <a:gd name="T91" fmla="*/ 15 h 193"/>
                <a:gd name="T92" fmla="*/ 106 w 118"/>
                <a:gd name="T93" fmla="*/ 31 h 193"/>
                <a:gd name="T94" fmla="*/ 109 w 118"/>
                <a:gd name="T95" fmla="*/ 41 h 193"/>
                <a:gd name="T96" fmla="*/ 109 w 118"/>
                <a:gd name="T97" fmla="*/ 50 h 193"/>
                <a:gd name="T98" fmla="*/ 108 w 118"/>
                <a:gd name="T99" fmla="*/ 68 h 193"/>
                <a:gd name="T100" fmla="*/ 106 w 118"/>
                <a:gd name="T101" fmla="*/ 78 h 193"/>
                <a:gd name="T102" fmla="*/ 101 w 118"/>
                <a:gd name="T103" fmla="*/ 88 h 193"/>
                <a:gd name="T104" fmla="*/ 86 w 118"/>
                <a:gd name="T105" fmla="*/ 111 h 193"/>
                <a:gd name="T106" fmla="*/ 75 w 118"/>
                <a:gd name="T107" fmla="*/ 125 h 193"/>
                <a:gd name="T108" fmla="*/ 30 w 118"/>
                <a:gd name="T109" fmla="*/ 172 h 193"/>
                <a:gd name="T110" fmla="*/ 113 w 118"/>
                <a:gd name="T111" fmla="*/ 172 h 193"/>
                <a:gd name="T112" fmla="*/ 115 w 118"/>
                <a:gd name="T113" fmla="*/ 172 h 193"/>
                <a:gd name="T114" fmla="*/ 117 w 118"/>
                <a:gd name="T115" fmla="*/ 174 h 193"/>
                <a:gd name="T116" fmla="*/ 118 w 118"/>
                <a:gd name="T117" fmla="*/ 178 h 193"/>
                <a:gd name="T118" fmla="*/ 118 w 118"/>
                <a:gd name="T119" fmla="*/ 182 h 19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Lst>
              <a:rect l="0" t="0" r="r" b="b"/>
              <a:pathLst>
                <a:path w="118" h="193">
                  <a:moveTo>
                    <a:pt x="118" y="182"/>
                  </a:moveTo>
                  <a:lnTo>
                    <a:pt x="118" y="182"/>
                  </a:lnTo>
                  <a:lnTo>
                    <a:pt x="118" y="187"/>
                  </a:lnTo>
                  <a:lnTo>
                    <a:pt x="118" y="187"/>
                  </a:lnTo>
                  <a:lnTo>
                    <a:pt x="117" y="190"/>
                  </a:lnTo>
                  <a:lnTo>
                    <a:pt x="117" y="190"/>
                  </a:lnTo>
                  <a:lnTo>
                    <a:pt x="115" y="193"/>
                  </a:lnTo>
                  <a:lnTo>
                    <a:pt x="115" y="193"/>
                  </a:lnTo>
                  <a:lnTo>
                    <a:pt x="113" y="193"/>
                  </a:lnTo>
                  <a:lnTo>
                    <a:pt x="8" y="193"/>
                  </a:lnTo>
                  <a:lnTo>
                    <a:pt x="8" y="193"/>
                  </a:lnTo>
                  <a:lnTo>
                    <a:pt x="4" y="193"/>
                  </a:lnTo>
                  <a:lnTo>
                    <a:pt x="4" y="193"/>
                  </a:lnTo>
                  <a:lnTo>
                    <a:pt x="2" y="190"/>
                  </a:lnTo>
                  <a:lnTo>
                    <a:pt x="2" y="190"/>
                  </a:lnTo>
                  <a:lnTo>
                    <a:pt x="0" y="187"/>
                  </a:lnTo>
                  <a:lnTo>
                    <a:pt x="0" y="187"/>
                  </a:lnTo>
                  <a:lnTo>
                    <a:pt x="0" y="182"/>
                  </a:lnTo>
                  <a:lnTo>
                    <a:pt x="0" y="182"/>
                  </a:lnTo>
                  <a:lnTo>
                    <a:pt x="0" y="177"/>
                  </a:lnTo>
                  <a:lnTo>
                    <a:pt x="0" y="177"/>
                  </a:lnTo>
                  <a:lnTo>
                    <a:pt x="1" y="173"/>
                  </a:lnTo>
                  <a:lnTo>
                    <a:pt x="1" y="173"/>
                  </a:lnTo>
                  <a:lnTo>
                    <a:pt x="3" y="170"/>
                  </a:lnTo>
                  <a:lnTo>
                    <a:pt x="3" y="170"/>
                  </a:lnTo>
                  <a:lnTo>
                    <a:pt x="6" y="166"/>
                  </a:lnTo>
                  <a:lnTo>
                    <a:pt x="44" y="127"/>
                  </a:lnTo>
                  <a:lnTo>
                    <a:pt x="44" y="127"/>
                  </a:lnTo>
                  <a:lnTo>
                    <a:pt x="55" y="114"/>
                  </a:lnTo>
                  <a:lnTo>
                    <a:pt x="64" y="103"/>
                  </a:lnTo>
                  <a:lnTo>
                    <a:pt x="64" y="103"/>
                  </a:lnTo>
                  <a:lnTo>
                    <a:pt x="71" y="92"/>
                  </a:lnTo>
                  <a:lnTo>
                    <a:pt x="77" y="83"/>
                  </a:lnTo>
                  <a:lnTo>
                    <a:pt x="77" y="83"/>
                  </a:lnTo>
                  <a:lnTo>
                    <a:pt x="80" y="75"/>
                  </a:lnTo>
                  <a:lnTo>
                    <a:pt x="83" y="67"/>
                  </a:lnTo>
                  <a:lnTo>
                    <a:pt x="83" y="67"/>
                  </a:lnTo>
                  <a:lnTo>
                    <a:pt x="84" y="54"/>
                  </a:lnTo>
                  <a:lnTo>
                    <a:pt x="84" y="54"/>
                  </a:lnTo>
                  <a:lnTo>
                    <a:pt x="84" y="48"/>
                  </a:lnTo>
                  <a:lnTo>
                    <a:pt x="82" y="42"/>
                  </a:lnTo>
                  <a:lnTo>
                    <a:pt x="82" y="42"/>
                  </a:lnTo>
                  <a:lnTo>
                    <a:pt x="79" y="37"/>
                  </a:lnTo>
                  <a:lnTo>
                    <a:pt x="76" y="33"/>
                  </a:lnTo>
                  <a:lnTo>
                    <a:pt x="76" y="33"/>
                  </a:lnTo>
                  <a:lnTo>
                    <a:pt x="71" y="28"/>
                  </a:lnTo>
                  <a:lnTo>
                    <a:pt x="65" y="26"/>
                  </a:lnTo>
                  <a:lnTo>
                    <a:pt x="65" y="26"/>
                  </a:lnTo>
                  <a:lnTo>
                    <a:pt x="60" y="23"/>
                  </a:lnTo>
                  <a:lnTo>
                    <a:pt x="52" y="23"/>
                  </a:lnTo>
                  <a:lnTo>
                    <a:pt x="52" y="23"/>
                  </a:lnTo>
                  <a:lnTo>
                    <a:pt x="44" y="23"/>
                  </a:lnTo>
                  <a:lnTo>
                    <a:pt x="36" y="26"/>
                  </a:lnTo>
                  <a:lnTo>
                    <a:pt x="36" y="26"/>
                  </a:lnTo>
                  <a:lnTo>
                    <a:pt x="23" y="31"/>
                  </a:lnTo>
                  <a:lnTo>
                    <a:pt x="23" y="31"/>
                  </a:lnTo>
                  <a:lnTo>
                    <a:pt x="14" y="36"/>
                  </a:lnTo>
                  <a:lnTo>
                    <a:pt x="14" y="36"/>
                  </a:lnTo>
                  <a:lnTo>
                    <a:pt x="10" y="38"/>
                  </a:lnTo>
                  <a:lnTo>
                    <a:pt x="8" y="38"/>
                  </a:lnTo>
                  <a:lnTo>
                    <a:pt x="8" y="38"/>
                  </a:lnTo>
                  <a:lnTo>
                    <a:pt x="6" y="38"/>
                  </a:lnTo>
                  <a:lnTo>
                    <a:pt x="6" y="38"/>
                  </a:lnTo>
                  <a:lnTo>
                    <a:pt x="4" y="36"/>
                  </a:lnTo>
                  <a:lnTo>
                    <a:pt x="4" y="36"/>
                  </a:lnTo>
                  <a:lnTo>
                    <a:pt x="3" y="33"/>
                  </a:lnTo>
                  <a:lnTo>
                    <a:pt x="3" y="33"/>
                  </a:lnTo>
                  <a:lnTo>
                    <a:pt x="3" y="28"/>
                  </a:lnTo>
                  <a:lnTo>
                    <a:pt x="3" y="28"/>
                  </a:lnTo>
                  <a:lnTo>
                    <a:pt x="3" y="23"/>
                  </a:lnTo>
                  <a:lnTo>
                    <a:pt x="3" y="23"/>
                  </a:lnTo>
                  <a:lnTo>
                    <a:pt x="4" y="21"/>
                  </a:lnTo>
                  <a:lnTo>
                    <a:pt x="4" y="21"/>
                  </a:lnTo>
                  <a:lnTo>
                    <a:pt x="4" y="19"/>
                  </a:lnTo>
                  <a:lnTo>
                    <a:pt x="4" y="19"/>
                  </a:lnTo>
                  <a:lnTo>
                    <a:pt x="8" y="16"/>
                  </a:lnTo>
                  <a:lnTo>
                    <a:pt x="8" y="16"/>
                  </a:lnTo>
                  <a:lnTo>
                    <a:pt x="14" y="12"/>
                  </a:lnTo>
                  <a:lnTo>
                    <a:pt x="14" y="12"/>
                  </a:lnTo>
                  <a:lnTo>
                    <a:pt x="24" y="7"/>
                  </a:lnTo>
                  <a:lnTo>
                    <a:pt x="24" y="7"/>
                  </a:lnTo>
                  <a:lnTo>
                    <a:pt x="39" y="3"/>
                  </a:lnTo>
                  <a:lnTo>
                    <a:pt x="39" y="3"/>
                  </a:lnTo>
                  <a:lnTo>
                    <a:pt x="47" y="1"/>
                  </a:lnTo>
                  <a:lnTo>
                    <a:pt x="55" y="0"/>
                  </a:lnTo>
                  <a:lnTo>
                    <a:pt x="55" y="0"/>
                  </a:lnTo>
                  <a:lnTo>
                    <a:pt x="68" y="1"/>
                  </a:lnTo>
                  <a:lnTo>
                    <a:pt x="79" y="5"/>
                  </a:lnTo>
                  <a:lnTo>
                    <a:pt x="79" y="5"/>
                  </a:lnTo>
                  <a:lnTo>
                    <a:pt x="88" y="10"/>
                  </a:lnTo>
                  <a:lnTo>
                    <a:pt x="97" y="15"/>
                  </a:lnTo>
                  <a:lnTo>
                    <a:pt x="97" y="15"/>
                  </a:lnTo>
                  <a:lnTo>
                    <a:pt x="102" y="22"/>
                  </a:lnTo>
                  <a:lnTo>
                    <a:pt x="106" y="31"/>
                  </a:lnTo>
                  <a:lnTo>
                    <a:pt x="106" y="31"/>
                  </a:lnTo>
                  <a:lnTo>
                    <a:pt x="109" y="41"/>
                  </a:lnTo>
                  <a:lnTo>
                    <a:pt x="109" y="50"/>
                  </a:lnTo>
                  <a:lnTo>
                    <a:pt x="109" y="50"/>
                  </a:lnTo>
                  <a:lnTo>
                    <a:pt x="109" y="59"/>
                  </a:lnTo>
                  <a:lnTo>
                    <a:pt x="108" y="68"/>
                  </a:lnTo>
                  <a:lnTo>
                    <a:pt x="108" y="68"/>
                  </a:lnTo>
                  <a:lnTo>
                    <a:pt x="106" y="78"/>
                  </a:lnTo>
                  <a:lnTo>
                    <a:pt x="101" y="88"/>
                  </a:lnTo>
                  <a:lnTo>
                    <a:pt x="101" y="88"/>
                  </a:lnTo>
                  <a:lnTo>
                    <a:pt x="95" y="98"/>
                  </a:lnTo>
                  <a:lnTo>
                    <a:pt x="86" y="111"/>
                  </a:lnTo>
                  <a:lnTo>
                    <a:pt x="86" y="111"/>
                  </a:lnTo>
                  <a:lnTo>
                    <a:pt x="75" y="125"/>
                  </a:lnTo>
                  <a:lnTo>
                    <a:pt x="60" y="140"/>
                  </a:lnTo>
                  <a:lnTo>
                    <a:pt x="30" y="172"/>
                  </a:lnTo>
                  <a:lnTo>
                    <a:pt x="113" y="172"/>
                  </a:lnTo>
                  <a:lnTo>
                    <a:pt x="113" y="172"/>
                  </a:lnTo>
                  <a:lnTo>
                    <a:pt x="115" y="172"/>
                  </a:lnTo>
                  <a:lnTo>
                    <a:pt x="115" y="172"/>
                  </a:lnTo>
                  <a:lnTo>
                    <a:pt x="117" y="174"/>
                  </a:lnTo>
                  <a:lnTo>
                    <a:pt x="117" y="174"/>
                  </a:lnTo>
                  <a:lnTo>
                    <a:pt x="118" y="178"/>
                  </a:lnTo>
                  <a:lnTo>
                    <a:pt x="118" y="178"/>
                  </a:lnTo>
                  <a:lnTo>
                    <a:pt x="118" y="182"/>
                  </a:lnTo>
                  <a:lnTo>
                    <a:pt x="118" y="182"/>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25" name="Freeform 23">
              <a:extLst>
                <a:ext uri="{FF2B5EF4-FFF2-40B4-BE49-F238E27FC236}">
                  <a16:creationId xmlns:a16="http://schemas.microsoft.com/office/drawing/2014/main" id="{6EDE3BE7-81DF-41AF-B8C3-685174DBCA72}"/>
                </a:ext>
              </a:extLst>
            </p:cNvPr>
            <p:cNvSpPr>
              <a:spLocks/>
            </p:cNvSpPr>
            <p:nvPr userDrawn="1"/>
          </p:nvSpPr>
          <p:spPr bwMode="auto">
            <a:xfrm>
              <a:off x="4648201" y="1414463"/>
              <a:ext cx="23813" cy="26988"/>
            </a:xfrm>
            <a:custGeom>
              <a:avLst/>
              <a:gdLst>
                <a:gd name="T0" fmla="*/ 31 w 31"/>
                <a:gd name="T1" fmla="*/ 17 h 34"/>
                <a:gd name="T2" fmla="*/ 31 w 31"/>
                <a:gd name="T3" fmla="*/ 17 h 34"/>
                <a:gd name="T4" fmla="*/ 30 w 31"/>
                <a:gd name="T5" fmla="*/ 26 h 34"/>
                <a:gd name="T6" fmla="*/ 28 w 31"/>
                <a:gd name="T7" fmla="*/ 28 h 34"/>
                <a:gd name="T8" fmla="*/ 27 w 31"/>
                <a:gd name="T9" fmla="*/ 30 h 34"/>
                <a:gd name="T10" fmla="*/ 27 w 31"/>
                <a:gd name="T11" fmla="*/ 30 h 34"/>
                <a:gd name="T12" fmla="*/ 25 w 31"/>
                <a:gd name="T13" fmla="*/ 33 h 34"/>
                <a:gd name="T14" fmla="*/ 23 w 31"/>
                <a:gd name="T15" fmla="*/ 34 h 34"/>
                <a:gd name="T16" fmla="*/ 15 w 31"/>
                <a:gd name="T17" fmla="*/ 34 h 34"/>
                <a:gd name="T18" fmla="*/ 15 w 31"/>
                <a:gd name="T19" fmla="*/ 34 h 34"/>
                <a:gd name="T20" fmla="*/ 8 w 31"/>
                <a:gd name="T21" fmla="*/ 34 h 34"/>
                <a:gd name="T22" fmla="*/ 2 w 31"/>
                <a:gd name="T23" fmla="*/ 30 h 34"/>
                <a:gd name="T24" fmla="*/ 2 w 31"/>
                <a:gd name="T25" fmla="*/ 30 h 34"/>
                <a:gd name="T26" fmla="*/ 1 w 31"/>
                <a:gd name="T27" fmla="*/ 29 h 34"/>
                <a:gd name="T28" fmla="*/ 0 w 31"/>
                <a:gd name="T29" fmla="*/ 26 h 34"/>
                <a:gd name="T30" fmla="*/ 0 w 31"/>
                <a:gd name="T31" fmla="*/ 18 h 34"/>
                <a:gd name="T32" fmla="*/ 0 w 31"/>
                <a:gd name="T33" fmla="*/ 18 h 34"/>
                <a:gd name="T34" fmla="*/ 0 w 31"/>
                <a:gd name="T35" fmla="*/ 9 h 34"/>
                <a:gd name="T36" fmla="*/ 1 w 31"/>
                <a:gd name="T37" fmla="*/ 6 h 34"/>
                <a:gd name="T38" fmla="*/ 2 w 31"/>
                <a:gd name="T39" fmla="*/ 4 h 34"/>
                <a:gd name="T40" fmla="*/ 2 w 31"/>
                <a:gd name="T41" fmla="*/ 4 h 34"/>
                <a:gd name="T42" fmla="*/ 4 w 31"/>
                <a:gd name="T43" fmla="*/ 2 h 34"/>
                <a:gd name="T44" fmla="*/ 8 w 31"/>
                <a:gd name="T45" fmla="*/ 0 h 34"/>
                <a:gd name="T46" fmla="*/ 15 w 31"/>
                <a:gd name="T47" fmla="*/ 0 h 34"/>
                <a:gd name="T48" fmla="*/ 15 w 31"/>
                <a:gd name="T49" fmla="*/ 0 h 34"/>
                <a:gd name="T50" fmla="*/ 23 w 31"/>
                <a:gd name="T51" fmla="*/ 0 h 34"/>
                <a:gd name="T52" fmla="*/ 27 w 31"/>
                <a:gd name="T53" fmla="*/ 4 h 34"/>
                <a:gd name="T54" fmla="*/ 27 w 31"/>
                <a:gd name="T55" fmla="*/ 4 h 34"/>
                <a:gd name="T56" fmla="*/ 28 w 31"/>
                <a:gd name="T57" fmla="*/ 5 h 34"/>
                <a:gd name="T58" fmla="*/ 30 w 31"/>
                <a:gd name="T59" fmla="*/ 9 h 34"/>
                <a:gd name="T60" fmla="*/ 31 w 31"/>
                <a:gd name="T61" fmla="*/ 17 h 34"/>
                <a:gd name="T62" fmla="*/ 31 w 31"/>
                <a:gd name="T63" fmla="*/ 17 h 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31" h="34">
                  <a:moveTo>
                    <a:pt x="31" y="17"/>
                  </a:moveTo>
                  <a:lnTo>
                    <a:pt x="31" y="17"/>
                  </a:lnTo>
                  <a:lnTo>
                    <a:pt x="30" y="26"/>
                  </a:lnTo>
                  <a:lnTo>
                    <a:pt x="28" y="28"/>
                  </a:lnTo>
                  <a:lnTo>
                    <a:pt x="27" y="30"/>
                  </a:lnTo>
                  <a:lnTo>
                    <a:pt x="27" y="30"/>
                  </a:lnTo>
                  <a:lnTo>
                    <a:pt x="25" y="33"/>
                  </a:lnTo>
                  <a:lnTo>
                    <a:pt x="23" y="34"/>
                  </a:lnTo>
                  <a:lnTo>
                    <a:pt x="15" y="34"/>
                  </a:lnTo>
                  <a:lnTo>
                    <a:pt x="15" y="34"/>
                  </a:lnTo>
                  <a:lnTo>
                    <a:pt x="8" y="34"/>
                  </a:lnTo>
                  <a:lnTo>
                    <a:pt x="2" y="30"/>
                  </a:lnTo>
                  <a:lnTo>
                    <a:pt x="2" y="30"/>
                  </a:lnTo>
                  <a:lnTo>
                    <a:pt x="1" y="29"/>
                  </a:lnTo>
                  <a:lnTo>
                    <a:pt x="0" y="26"/>
                  </a:lnTo>
                  <a:lnTo>
                    <a:pt x="0" y="18"/>
                  </a:lnTo>
                  <a:lnTo>
                    <a:pt x="0" y="18"/>
                  </a:lnTo>
                  <a:lnTo>
                    <a:pt x="0" y="9"/>
                  </a:lnTo>
                  <a:lnTo>
                    <a:pt x="1" y="6"/>
                  </a:lnTo>
                  <a:lnTo>
                    <a:pt x="2" y="4"/>
                  </a:lnTo>
                  <a:lnTo>
                    <a:pt x="2" y="4"/>
                  </a:lnTo>
                  <a:lnTo>
                    <a:pt x="4" y="2"/>
                  </a:lnTo>
                  <a:lnTo>
                    <a:pt x="8" y="0"/>
                  </a:lnTo>
                  <a:lnTo>
                    <a:pt x="15" y="0"/>
                  </a:lnTo>
                  <a:lnTo>
                    <a:pt x="15" y="0"/>
                  </a:lnTo>
                  <a:lnTo>
                    <a:pt x="23" y="0"/>
                  </a:lnTo>
                  <a:lnTo>
                    <a:pt x="27" y="4"/>
                  </a:lnTo>
                  <a:lnTo>
                    <a:pt x="27" y="4"/>
                  </a:lnTo>
                  <a:lnTo>
                    <a:pt x="28" y="5"/>
                  </a:lnTo>
                  <a:lnTo>
                    <a:pt x="30" y="9"/>
                  </a:lnTo>
                  <a:lnTo>
                    <a:pt x="31" y="17"/>
                  </a:lnTo>
                  <a:lnTo>
                    <a:pt x="31" y="17"/>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sp>
        <p:nvSpPr>
          <p:cNvPr id="59" name="Text Placeholder 4">
            <a:extLst>
              <a:ext uri="{FF2B5EF4-FFF2-40B4-BE49-F238E27FC236}">
                <a16:creationId xmlns:a16="http://schemas.microsoft.com/office/drawing/2014/main" id="{A4950B8D-28F4-4C2B-8867-AB0F7BB9E57F}"/>
              </a:ext>
            </a:extLst>
          </p:cNvPr>
          <p:cNvSpPr>
            <a:spLocks noGrp="1"/>
          </p:cNvSpPr>
          <p:nvPr>
            <p:ph type="body" sz="quarter" idx="52" hasCustomPrompt="1"/>
          </p:nvPr>
        </p:nvSpPr>
        <p:spPr>
          <a:xfrm>
            <a:off x="640203" y="2724814"/>
            <a:ext cx="3126773" cy="1137393"/>
          </a:xfrm>
        </p:spPr>
        <p:txBody>
          <a:bodyPr anchor="t">
            <a:noAutofit/>
          </a:bodyPr>
          <a:lstStyle>
            <a:lvl1pPr marL="0" indent="0" algn="r">
              <a:buNone/>
              <a:defRPr sz="2133">
                <a:solidFill>
                  <a:schemeClr val="tx1"/>
                </a:solidFill>
              </a:defRPr>
            </a:lvl1pPr>
          </a:lstStyle>
          <a:p>
            <a:r>
              <a:rPr lang="en-US" noProof="0" dirty="0"/>
              <a:t>Insert your desired text here</a:t>
            </a:r>
          </a:p>
        </p:txBody>
      </p:sp>
      <p:sp>
        <p:nvSpPr>
          <p:cNvPr id="60" name="Text Placeholder 4">
            <a:extLst>
              <a:ext uri="{FF2B5EF4-FFF2-40B4-BE49-F238E27FC236}">
                <a16:creationId xmlns:a16="http://schemas.microsoft.com/office/drawing/2014/main" id="{A32C15F6-8171-4AA8-AE3B-350853366ED8}"/>
              </a:ext>
            </a:extLst>
          </p:cNvPr>
          <p:cNvSpPr>
            <a:spLocks noGrp="1"/>
          </p:cNvSpPr>
          <p:nvPr>
            <p:ph type="body" sz="quarter" idx="53" hasCustomPrompt="1"/>
          </p:nvPr>
        </p:nvSpPr>
        <p:spPr>
          <a:xfrm>
            <a:off x="640203" y="2094045"/>
            <a:ext cx="3126773" cy="633943"/>
          </a:xfrm>
        </p:spPr>
        <p:txBody>
          <a:bodyPr anchor="b">
            <a:noAutofit/>
          </a:bodyPr>
          <a:lstStyle>
            <a:lvl1pPr marL="0" indent="0" algn="r">
              <a:buNone/>
              <a:defRPr sz="2933">
                <a:solidFill>
                  <a:schemeClr val="tx1"/>
                </a:solidFill>
              </a:defRPr>
            </a:lvl1pPr>
          </a:lstStyle>
          <a:p>
            <a:r>
              <a:rPr lang="en-US" noProof="0" dirty="0"/>
              <a:t>Your text here</a:t>
            </a:r>
          </a:p>
        </p:txBody>
      </p:sp>
      <p:sp>
        <p:nvSpPr>
          <p:cNvPr id="61" name="Text Placeholder 4">
            <a:extLst>
              <a:ext uri="{FF2B5EF4-FFF2-40B4-BE49-F238E27FC236}">
                <a16:creationId xmlns:a16="http://schemas.microsoft.com/office/drawing/2014/main" id="{683EC942-8840-4C89-9D79-33D4F506DFA1}"/>
              </a:ext>
            </a:extLst>
          </p:cNvPr>
          <p:cNvSpPr>
            <a:spLocks noGrp="1"/>
          </p:cNvSpPr>
          <p:nvPr>
            <p:ph type="body" sz="quarter" idx="54" hasCustomPrompt="1"/>
          </p:nvPr>
        </p:nvSpPr>
        <p:spPr>
          <a:xfrm>
            <a:off x="640203" y="4706940"/>
            <a:ext cx="3126773" cy="1137393"/>
          </a:xfrm>
        </p:spPr>
        <p:txBody>
          <a:bodyPr anchor="t">
            <a:noAutofit/>
          </a:bodyPr>
          <a:lstStyle>
            <a:lvl1pPr marL="0" indent="0" algn="r">
              <a:buNone/>
              <a:defRPr sz="2133">
                <a:solidFill>
                  <a:schemeClr val="tx1"/>
                </a:solidFill>
              </a:defRPr>
            </a:lvl1pPr>
          </a:lstStyle>
          <a:p>
            <a:r>
              <a:rPr lang="en-US" noProof="0" dirty="0"/>
              <a:t>Insert your desired text here</a:t>
            </a:r>
          </a:p>
        </p:txBody>
      </p:sp>
      <p:sp>
        <p:nvSpPr>
          <p:cNvPr id="62" name="Text Placeholder 4">
            <a:extLst>
              <a:ext uri="{FF2B5EF4-FFF2-40B4-BE49-F238E27FC236}">
                <a16:creationId xmlns:a16="http://schemas.microsoft.com/office/drawing/2014/main" id="{337AC3BB-7E22-48ED-B1C0-20A8A4F81DB6}"/>
              </a:ext>
            </a:extLst>
          </p:cNvPr>
          <p:cNvSpPr>
            <a:spLocks noGrp="1"/>
          </p:cNvSpPr>
          <p:nvPr>
            <p:ph type="body" sz="quarter" idx="55" hasCustomPrompt="1"/>
          </p:nvPr>
        </p:nvSpPr>
        <p:spPr>
          <a:xfrm>
            <a:off x="640203" y="4076170"/>
            <a:ext cx="3126773" cy="633943"/>
          </a:xfrm>
        </p:spPr>
        <p:txBody>
          <a:bodyPr anchor="b">
            <a:noAutofit/>
          </a:bodyPr>
          <a:lstStyle>
            <a:lvl1pPr marL="0" indent="0" algn="r">
              <a:buNone/>
              <a:defRPr sz="2933">
                <a:solidFill>
                  <a:schemeClr val="tx1"/>
                </a:solidFill>
              </a:defRPr>
            </a:lvl1pPr>
          </a:lstStyle>
          <a:p>
            <a:r>
              <a:rPr lang="en-US" noProof="0" dirty="0"/>
              <a:t>Your text here</a:t>
            </a:r>
          </a:p>
        </p:txBody>
      </p:sp>
      <p:sp>
        <p:nvSpPr>
          <p:cNvPr id="69" name="Freeform 9">
            <a:extLst>
              <a:ext uri="{FF2B5EF4-FFF2-40B4-BE49-F238E27FC236}">
                <a16:creationId xmlns:a16="http://schemas.microsoft.com/office/drawing/2014/main" id="{2238A101-85C4-411F-8EE4-A82C78D7431D}"/>
              </a:ext>
            </a:extLst>
          </p:cNvPr>
          <p:cNvSpPr>
            <a:spLocks/>
          </p:cNvSpPr>
          <p:nvPr userDrawn="1"/>
        </p:nvSpPr>
        <p:spPr bwMode="auto">
          <a:xfrm>
            <a:off x="3766976" y="2358975"/>
            <a:ext cx="216789" cy="216789"/>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rgbClr val="FFCE5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74" name="Freeform 9">
            <a:extLst>
              <a:ext uri="{FF2B5EF4-FFF2-40B4-BE49-F238E27FC236}">
                <a16:creationId xmlns:a16="http://schemas.microsoft.com/office/drawing/2014/main" id="{F6E94FA2-D777-4C45-81EA-B7948EB5D204}"/>
              </a:ext>
            </a:extLst>
          </p:cNvPr>
          <p:cNvSpPr>
            <a:spLocks/>
          </p:cNvSpPr>
          <p:nvPr userDrawn="1"/>
        </p:nvSpPr>
        <p:spPr bwMode="auto">
          <a:xfrm>
            <a:off x="3766976" y="4366286"/>
            <a:ext cx="216789" cy="216789"/>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chemeClr val="accent6"/>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75" name="Text Placeholder 4">
            <a:extLst>
              <a:ext uri="{FF2B5EF4-FFF2-40B4-BE49-F238E27FC236}">
                <a16:creationId xmlns:a16="http://schemas.microsoft.com/office/drawing/2014/main" id="{9B41ED8D-4DDE-4ABA-9ADB-FA6C489CBD3A}"/>
              </a:ext>
            </a:extLst>
          </p:cNvPr>
          <p:cNvSpPr>
            <a:spLocks noGrp="1"/>
          </p:cNvSpPr>
          <p:nvPr>
            <p:ph type="body" sz="quarter" idx="56" hasCustomPrompt="1"/>
          </p:nvPr>
        </p:nvSpPr>
        <p:spPr>
          <a:xfrm>
            <a:off x="8425024" y="2724814"/>
            <a:ext cx="3157376" cy="1137393"/>
          </a:xfrm>
        </p:spPr>
        <p:txBody>
          <a:bodyPr anchor="t">
            <a:noAutofit/>
          </a:bodyPr>
          <a:lstStyle>
            <a:lvl1pPr marL="0" indent="0" algn="l">
              <a:buNone/>
              <a:defRPr sz="2133">
                <a:solidFill>
                  <a:schemeClr val="tx1"/>
                </a:solidFill>
              </a:defRPr>
            </a:lvl1pPr>
          </a:lstStyle>
          <a:p>
            <a:r>
              <a:rPr lang="en-US" noProof="0" dirty="0"/>
              <a:t>Insert your desired text here</a:t>
            </a:r>
          </a:p>
        </p:txBody>
      </p:sp>
      <p:sp>
        <p:nvSpPr>
          <p:cNvPr id="76" name="Text Placeholder 4">
            <a:extLst>
              <a:ext uri="{FF2B5EF4-FFF2-40B4-BE49-F238E27FC236}">
                <a16:creationId xmlns:a16="http://schemas.microsoft.com/office/drawing/2014/main" id="{360FAA57-B567-447C-A1B2-A28E31FE8D22}"/>
              </a:ext>
            </a:extLst>
          </p:cNvPr>
          <p:cNvSpPr>
            <a:spLocks noGrp="1"/>
          </p:cNvSpPr>
          <p:nvPr>
            <p:ph type="body" sz="quarter" idx="57" hasCustomPrompt="1"/>
          </p:nvPr>
        </p:nvSpPr>
        <p:spPr>
          <a:xfrm>
            <a:off x="8425024" y="2094045"/>
            <a:ext cx="3157376" cy="633943"/>
          </a:xfrm>
        </p:spPr>
        <p:txBody>
          <a:bodyPr anchor="b">
            <a:noAutofit/>
          </a:bodyPr>
          <a:lstStyle>
            <a:lvl1pPr marL="0" indent="0" algn="l">
              <a:buNone/>
              <a:defRPr sz="2933">
                <a:solidFill>
                  <a:schemeClr val="tx1"/>
                </a:solidFill>
              </a:defRPr>
            </a:lvl1pPr>
          </a:lstStyle>
          <a:p>
            <a:r>
              <a:rPr lang="en-US" noProof="0" dirty="0"/>
              <a:t>Your text here</a:t>
            </a:r>
          </a:p>
        </p:txBody>
      </p:sp>
      <p:sp>
        <p:nvSpPr>
          <p:cNvPr id="77" name="Text Placeholder 4">
            <a:extLst>
              <a:ext uri="{FF2B5EF4-FFF2-40B4-BE49-F238E27FC236}">
                <a16:creationId xmlns:a16="http://schemas.microsoft.com/office/drawing/2014/main" id="{45F50CA6-4E9B-403F-AAE7-8B6AE324C56B}"/>
              </a:ext>
            </a:extLst>
          </p:cNvPr>
          <p:cNvSpPr>
            <a:spLocks noGrp="1"/>
          </p:cNvSpPr>
          <p:nvPr>
            <p:ph type="body" sz="quarter" idx="58" hasCustomPrompt="1"/>
          </p:nvPr>
        </p:nvSpPr>
        <p:spPr>
          <a:xfrm>
            <a:off x="8425024" y="4706940"/>
            <a:ext cx="3157376" cy="1137393"/>
          </a:xfrm>
        </p:spPr>
        <p:txBody>
          <a:bodyPr anchor="t">
            <a:noAutofit/>
          </a:bodyPr>
          <a:lstStyle>
            <a:lvl1pPr marL="0" indent="0" algn="l">
              <a:buNone/>
              <a:defRPr sz="2133">
                <a:solidFill>
                  <a:schemeClr val="tx1"/>
                </a:solidFill>
              </a:defRPr>
            </a:lvl1pPr>
          </a:lstStyle>
          <a:p>
            <a:r>
              <a:rPr lang="en-US" noProof="0" dirty="0"/>
              <a:t>Insert your desired text here</a:t>
            </a:r>
          </a:p>
        </p:txBody>
      </p:sp>
      <p:sp>
        <p:nvSpPr>
          <p:cNvPr id="78" name="Text Placeholder 4">
            <a:extLst>
              <a:ext uri="{FF2B5EF4-FFF2-40B4-BE49-F238E27FC236}">
                <a16:creationId xmlns:a16="http://schemas.microsoft.com/office/drawing/2014/main" id="{E936A3C0-CAC6-4AD9-94D2-7D5B4A21E4E9}"/>
              </a:ext>
            </a:extLst>
          </p:cNvPr>
          <p:cNvSpPr>
            <a:spLocks noGrp="1"/>
          </p:cNvSpPr>
          <p:nvPr>
            <p:ph type="body" sz="quarter" idx="59" hasCustomPrompt="1"/>
          </p:nvPr>
        </p:nvSpPr>
        <p:spPr>
          <a:xfrm>
            <a:off x="8425024" y="4076170"/>
            <a:ext cx="3157376" cy="633943"/>
          </a:xfrm>
        </p:spPr>
        <p:txBody>
          <a:bodyPr anchor="b">
            <a:noAutofit/>
          </a:bodyPr>
          <a:lstStyle>
            <a:lvl1pPr marL="0" indent="0" algn="l">
              <a:buNone/>
              <a:defRPr sz="2933">
                <a:solidFill>
                  <a:schemeClr val="tx1"/>
                </a:solidFill>
              </a:defRPr>
            </a:lvl1pPr>
          </a:lstStyle>
          <a:p>
            <a:r>
              <a:rPr lang="en-US" noProof="0" dirty="0"/>
              <a:t>Your text here</a:t>
            </a:r>
          </a:p>
        </p:txBody>
      </p:sp>
      <p:sp>
        <p:nvSpPr>
          <p:cNvPr id="79" name="Freeform 9">
            <a:extLst>
              <a:ext uri="{FF2B5EF4-FFF2-40B4-BE49-F238E27FC236}">
                <a16:creationId xmlns:a16="http://schemas.microsoft.com/office/drawing/2014/main" id="{033DFD10-FD70-4AAB-99AC-877FED0106AF}"/>
              </a:ext>
            </a:extLst>
          </p:cNvPr>
          <p:cNvSpPr>
            <a:spLocks/>
          </p:cNvSpPr>
          <p:nvPr userDrawn="1"/>
        </p:nvSpPr>
        <p:spPr bwMode="auto">
          <a:xfrm>
            <a:off x="8208235" y="2358975"/>
            <a:ext cx="216789" cy="216789"/>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chemeClr val="accent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80" name="Freeform 9">
            <a:extLst>
              <a:ext uri="{FF2B5EF4-FFF2-40B4-BE49-F238E27FC236}">
                <a16:creationId xmlns:a16="http://schemas.microsoft.com/office/drawing/2014/main" id="{8FCF2CD9-C565-4949-8938-3C45B4539C43}"/>
              </a:ext>
            </a:extLst>
          </p:cNvPr>
          <p:cNvSpPr>
            <a:spLocks/>
          </p:cNvSpPr>
          <p:nvPr userDrawn="1"/>
        </p:nvSpPr>
        <p:spPr bwMode="auto">
          <a:xfrm>
            <a:off x="8208235" y="4366286"/>
            <a:ext cx="216789" cy="216789"/>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chemeClr val="accent5"/>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Tree>
    <p:extLst>
      <p:ext uri="{BB962C8B-B14F-4D97-AF65-F5344CB8AC3E}">
        <p14:creationId xmlns:p14="http://schemas.microsoft.com/office/powerpoint/2010/main" val="119450625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Templateswise.com - Question Mark Diagram 2">
    <p:spTree>
      <p:nvGrpSpPr>
        <p:cNvPr id="1" name=""/>
        <p:cNvGrpSpPr/>
        <p:nvPr/>
      </p:nvGrpSpPr>
      <p:grpSpPr>
        <a:xfrm>
          <a:off x="0" y="0"/>
          <a:ext cx="0" cy="0"/>
          <a:chOff x="0" y="0"/>
          <a:chExt cx="0" cy="0"/>
        </a:xfrm>
      </p:grpSpPr>
      <p:sp>
        <p:nvSpPr>
          <p:cNvPr id="2" name="Title 1"/>
          <p:cNvSpPr>
            <a:spLocks noGrp="1"/>
          </p:cNvSpPr>
          <p:nvPr>
            <p:ph type="title" hasCustomPrompt="1"/>
          </p:nvPr>
        </p:nvSpPr>
        <p:spPr/>
        <p:txBody>
          <a:bodyPr/>
          <a:lstStyle>
            <a:lvl1pPr>
              <a:defRPr baseline="0">
                <a:solidFill>
                  <a:schemeClr val="tx2"/>
                </a:solidFill>
              </a:defRPr>
            </a:lvl1pPr>
          </a:lstStyle>
          <a:p>
            <a:r>
              <a:rPr lang="en-US" noProof="0" dirty="0"/>
              <a:t>Question Mark Diagram</a:t>
            </a:r>
          </a:p>
        </p:txBody>
      </p:sp>
      <p:sp>
        <p:nvSpPr>
          <p:cNvPr id="206" name="Date Placeholder 2">
            <a:extLst>
              <a:ext uri="{FF2B5EF4-FFF2-40B4-BE49-F238E27FC236}">
                <a16:creationId xmlns:a16="http://schemas.microsoft.com/office/drawing/2014/main" id="{51A97954-EE0F-44F0-9778-C590E8384540}"/>
              </a:ext>
            </a:extLst>
          </p:cNvPr>
          <p:cNvSpPr>
            <a:spLocks noGrp="1"/>
          </p:cNvSpPr>
          <p:nvPr>
            <p:ph type="dt" sz="half" idx="10"/>
          </p:nvPr>
        </p:nvSpPr>
        <p:spPr>
          <a:xfrm>
            <a:off x="609600" y="6356351"/>
            <a:ext cx="2844800" cy="365125"/>
          </a:xfrm>
        </p:spPr>
        <p:txBody>
          <a:bodyPr/>
          <a:lstStyle>
            <a:lvl1pPr>
              <a:defRPr>
                <a:solidFill>
                  <a:schemeClr val="bg1">
                    <a:lumMod val="65000"/>
                  </a:schemeClr>
                </a:solidFill>
              </a:defRPr>
            </a:lvl1pPr>
          </a:lstStyle>
          <a:p>
            <a:pPr defTabSz="1219170"/>
            <a:fld id="{FFF30096-E2FA-4C53-8FFA-C198FACBBC31}" type="datetimeFigureOut">
              <a:rPr lang="en-US" smtClean="0">
                <a:solidFill>
                  <a:srgbClr val="FFFFFF">
                    <a:lumMod val="65000"/>
                  </a:srgbClr>
                </a:solidFill>
              </a:rPr>
              <a:pPr defTabSz="1219170"/>
              <a:t>9/8/2024</a:t>
            </a:fld>
            <a:endParaRPr lang="en-US" dirty="0">
              <a:solidFill>
                <a:srgbClr val="FFFFFF">
                  <a:lumMod val="65000"/>
                </a:srgbClr>
              </a:solidFill>
            </a:endParaRPr>
          </a:p>
        </p:txBody>
      </p:sp>
      <p:sp>
        <p:nvSpPr>
          <p:cNvPr id="207" name="Footer Placeholder 3">
            <a:extLst>
              <a:ext uri="{FF2B5EF4-FFF2-40B4-BE49-F238E27FC236}">
                <a16:creationId xmlns:a16="http://schemas.microsoft.com/office/drawing/2014/main" id="{12CC8AFD-59BF-4CC0-9B1E-BB70E2E593B5}"/>
              </a:ext>
            </a:extLst>
          </p:cNvPr>
          <p:cNvSpPr>
            <a:spLocks noGrp="1"/>
          </p:cNvSpPr>
          <p:nvPr>
            <p:ph type="ftr" sz="quarter" idx="11"/>
          </p:nvPr>
        </p:nvSpPr>
        <p:spPr>
          <a:xfrm>
            <a:off x="4165600" y="6356351"/>
            <a:ext cx="3860800" cy="365125"/>
          </a:xfrm>
        </p:spPr>
        <p:txBody>
          <a:bodyPr/>
          <a:lstStyle>
            <a:lvl1pPr>
              <a:defRPr>
                <a:solidFill>
                  <a:schemeClr val="bg1">
                    <a:lumMod val="65000"/>
                  </a:schemeClr>
                </a:solidFill>
              </a:defRPr>
            </a:lvl1pPr>
          </a:lstStyle>
          <a:p>
            <a:pPr defTabSz="1219170"/>
            <a:endParaRPr lang="en-US" dirty="0">
              <a:solidFill>
                <a:srgbClr val="FFFFFF">
                  <a:lumMod val="65000"/>
                </a:srgbClr>
              </a:solidFill>
            </a:endParaRPr>
          </a:p>
        </p:txBody>
      </p:sp>
      <p:sp>
        <p:nvSpPr>
          <p:cNvPr id="208" name="Slide Number Placeholder 4">
            <a:extLst>
              <a:ext uri="{FF2B5EF4-FFF2-40B4-BE49-F238E27FC236}">
                <a16:creationId xmlns:a16="http://schemas.microsoft.com/office/drawing/2014/main" id="{57B38BE2-5567-4D76-BC7D-1F789CF49B05}"/>
              </a:ext>
            </a:extLst>
          </p:cNvPr>
          <p:cNvSpPr>
            <a:spLocks noGrp="1"/>
          </p:cNvSpPr>
          <p:nvPr>
            <p:ph type="sldNum" sz="quarter" idx="12"/>
          </p:nvPr>
        </p:nvSpPr>
        <p:spPr>
          <a:xfrm>
            <a:off x="8737600" y="6356351"/>
            <a:ext cx="2844800" cy="365125"/>
          </a:xfrm>
        </p:spPr>
        <p:txBody>
          <a:bodyPr/>
          <a:lstStyle>
            <a:lvl1pPr>
              <a:defRPr>
                <a:solidFill>
                  <a:schemeClr val="bg1">
                    <a:lumMod val="65000"/>
                  </a:schemeClr>
                </a:solidFill>
              </a:defRPr>
            </a:lvl1pPr>
          </a:lstStyle>
          <a:p>
            <a:pPr defTabSz="1219170"/>
            <a:fld id="{BE6EB2CE-F8EE-47A0-A8D1-750600A29654}" type="slidenum">
              <a:rPr lang="en-US" smtClean="0">
                <a:solidFill>
                  <a:srgbClr val="FFFFFF">
                    <a:lumMod val="65000"/>
                  </a:srgbClr>
                </a:solidFill>
              </a:rPr>
              <a:pPr defTabSz="1219170"/>
              <a:t>‹#›</a:t>
            </a:fld>
            <a:endParaRPr lang="en-US" dirty="0">
              <a:solidFill>
                <a:srgbClr val="FFFFFF">
                  <a:lumMod val="65000"/>
                </a:srgbClr>
              </a:solidFill>
            </a:endParaRPr>
          </a:p>
        </p:txBody>
      </p:sp>
      <p:sp>
        <p:nvSpPr>
          <p:cNvPr id="9" name="Freeform 7">
            <a:extLst>
              <a:ext uri="{FF2B5EF4-FFF2-40B4-BE49-F238E27FC236}">
                <a16:creationId xmlns:a16="http://schemas.microsoft.com/office/drawing/2014/main" id="{33634C4C-8C2C-4D33-91E2-E9F2B7C00A28}"/>
              </a:ext>
            </a:extLst>
          </p:cNvPr>
          <p:cNvSpPr>
            <a:spLocks/>
          </p:cNvSpPr>
          <p:nvPr userDrawn="1"/>
        </p:nvSpPr>
        <p:spPr bwMode="auto">
          <a:xfrm>
            <a:off x="4766735" y="1555752"/>
            <a:ext cx="2084917" cy="1655233"/>
          </a:xfrm>
          <a:custGeom>
            <a:avLst/>
            <a:gdLst>
              <a:gd name="T0" fmla="*/ 1603 w 1969"/>
              <a:gd name="T1" fmla="*/ 491 h 1566"/>
              <a:gd name="T2" fmla="*/ 1624 w 1969"/>
              <a:gd name="T3" fmla="*/ 567 h 1566"/>
              <a:gd name="T4" fmla="*/ 1682 w 1969"/>
              <a:gd name="T5" fmla="*/ 651 h 1566"/>
              <a:gd name="T6" fmla="*/ 1611 w 1969"/>
              <a:gd name="T7" fmla="*/ 606 h 1566"/>
              <a:gd name="T8" fmla="*/ 1508 w 1969"/>
              <a:gd name="T9" fmla="*/ 559 h 1566"/>
              <a:gd name="T10" fmla="*/ 1398 w 1969"/>
              <a:gd name="T11" fmla="*/ 528 h 1566"/>
              <a:gd name="T12" fmla="*/ 1281 w 1969"/>
              <a:gd name="T13" fmla="*/ 514 h 1566"/>
              <a:gd name="T14" fmla="*/ 1178 w 1969"/>
              <a:gd name="T15" fmla="*/ 517 h 1566"/>
              <a:gd name="T16" fmla="*/ 1034 w 1969"/>
              <a:gd name="T17" fmla="*/ 549 h 1566"/>
              <a:gd name="T18" fmla="*/ 899 w 1969"/>
              <a:gd name="T19" fmla="*/ 607 h 1566"/>
              <a:gd name="T20" fmla="*/ 779 w 1969"/>
              <a:gd name="T21" fmla="*/ 691 h 1566"/>
              <a:gd name="T22" fmla="*/ 677 w 1969"/>
              <a:gd name="T23" fmla="*/ 796 h 1566"/>
              <a:gd name="T24" fmla="*/ 594 w 1969"/>
              <a:gd name="T25" fmla="*/ 921 h 1566"/>
              <a:gd name="T26" fmla="*/ 535 w 1969"/>
              <a:gd name="T27" fmla="*/ 1059 h 1566"/>
              <a:gd name="T28" fmla="*/ 504 w 1969"/>
              <a:gd name="T29" fmla="*/ 1210 h 1566"/>
              <a:gd name="T30" fmla="*/ 501 w 1969"/>
              <a:gd name="T31" fmla="*/ 1295 h 1566"/>
              <a:gd name="T32" fmla="*/ 496 w 1969"/>
              <a:gd name="T33" fmla="*/ 1365 h 1566"/>
              <a:gd name="T34" fmla="*/ 458 w 1969"/>
              <a:gd name="T35" fmla="*/ 1455 h 1566"/>
              <a:gd name="T36" fmla="*/ 390 w 1969"/>
              <a:gd name="T37" fmla="*/ 1523 h 1566"/>
              <a:gd name="T38" fmla="*/ 300 w 1969"/>
              <a:gd name="T39" fmla="*/ 1561 h 1566"/>
              <a:gd name="T40" fmla="*/ 224 w 1969"/>
              <a:gd name="T41" fmla="*/ 1565 h 1566"/>
              <a:gd name="T42" fmla="*/ 131 w 1969"/>
              <a:gd name="T43" fmla="*/ 1536 h 1566"/>
              <a:gd name="T44" fmla="*/ 56 w 1969"/>
              <a:gd name="T45" fmla="*/ 1475 h 1566"/>
              <a:gd name="T46" fmla="*/ 10 w 1969"/>
              <a:gd name="T47" fmla="*/ 1390 h 1566"/>
              <a:gd name="T48" fmla="*/ 0 w 1969"/>
              <a:gd name="T49" fmla="*/ 1315 h 1566"/>
              <a:gd name="T50" fmla="*/ 0 w 1969"/>
              <a:gd name="T51" fmla="*/ 1256 h 1566"/>
              <a:gd name="T52" fmla="*/ 9 w 1969"/>
              <a:gd name="T53" fmla="*/ 1126 h 1566"/>
              <a:gd name="T54" fmla="*/ 32 w 1969"/>
              <a:gd name="T55" fmla="*/ 1000 h 1566"/>
              <a:gd name="T56" fmla="*/ 65 w 1969"/>
              <a:gd name="T57" fmla="*/ 878 h 1566"/>
              <a:gd name="T58" fmla="*/ 110 w 1969"/>
              <a:gd name="T59" fmla="*/ 762 h 1566"/>
              <a:gd name="T60" fmla="*/ 166 w 1969"/>
              <a:gd name="T61" fmla="*/ 650 h 1566"/>
              <a:gd name="T62" fmla="*/ 230 w 1969"/>
              <a:gd name="T63" fmla="*/ 546 h 1566"/>
              <a:gd name="T64" fmla="*/ 305 w 1969"/>
              <a:gd name="T65" fmla="*/ 448 h 1566"/>
              <a:gd name="T66" fmla="*/ 388 w 1969"/>
              <a:gd name="T67" fmla="*/ 358 h 1566"/>
              <a:gd name="T68" fmla="*/ 478 w 1969"/>
              <a:gd name="T69" fmla="*/ 278 h 1566"/>
              <a:gd name="T70" fmla="*/ 577 w 1969"/>
              <a:gd name="T71" fmla="*/ 205 h 1566"/>
              <a:gd name="T72" fmla="*/ 682 w 1969"/>
              <a:gd name="T73" fmla="*/ 143 h 1566"/>
              <a:gd name="T74" fmla="*/ 792 w 1969"/>
              <a:gd name="T75" fmla="*/ 91 h 1566"/>
              <a:gd name="T76" fmla="*/ 908 w 1969"/>
              <a:gd name="T77" fmla="*/ 50 h 1566"/>
              <a:gd name="T78" fmla="*/ 1030 w 1969"/>
              <a:gd name="T79" fmla="*/ 21 h 1566"/>
              <a:gd name="T80" fmla="*/ 1156 w 1969"/>
              <a:gd name="T81" fmla="*/ 5 h 1566"/>
              <a:gd name="T82" fmla="*/ 1253 w 1969"/>
              <a:gd name="T83" fmla="*/ 0 h 1566"/>
              <a:gd name="T84" fmla="*/ 1448 w 1969"/>
              <a:gd name="T85" fmla="*/ 16 h 1566"/>
              <a:gd name="T86" fmla="*/ 1634 w 1969"/>
              <a:gd name="T87" fmla="*/ 62 h 1566"/>
              <a:gd name="T88" fmla="*/ 1809 w 1969"/>
              <a:gd name="T89" fmla="*/ 135 h 1566"/>
              <a:gd name="T90" fmla="*/ 1969 w 1969"/>
              <a:gd name="T91" fmla="*/ 233 h 1566"/>
              <a:gd name="T92" fmla="*/ 1930 w 1969"/>
              <a:gd name="T93" fmla="*/ 218 h 1566"/>
              <a:gd name="T94" fmla="*/ 1873 w 1969"/>
              <a:gd name="T95" fmla="*/ 207 h 1566"/>
              <a:gd name="T96" fmla="*/ 1807 w 1969"/>
              <a:gd name="T97" fmla="*/ 212 h 1566"/>
              <a:gd name="T98" fmla="*/ 1714 w 1969"/>
              <a:gd name="T99" fmla="*/ 251 h 1566"/>
              <a:gd name="T100" fmla="*/ 1645 w 1969"/>
              <a:gd name="T101" fmla="*/ 320 h 1566"/>
              <a:gd name="T102" fmla="*/ 1607 w 1969"/>
              <a:gd name="T103" fmla="*/ 413 h 156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Lst>
            <a:rect l="0" t="0" r="r" b="b"/>
            <a:pathLst>
              <a:path w="1969" h="1566">
                <a:moveTo>
                  <a:pt x="1602" y="464"/>
                </a:moveTo>
                <a:lnTo>
                  <a:pt x="1602" y="464"/>
                </a:lnTo>
                <a:lnTo>
                  <a:pt x="1602" y="478"/>
                </a:lnTo>
                <a:lnTo>
                  <a:pt x="1603" y="491"/>
                </a:lnTo>
                <a:lnTo>
                  <a:pt x="1605" y="505"/>
                </a:lnTo>
                <a:lnTo>
                  <a:pt x="1607" y="517"/>
                </a:lnTo>
                <a:lnTo>
                  <a:pt x="1614" y="543"/>
                </a:lnTo>
                <a:lnTo>
                  <a:pt x="1624" y="567"/>
                </a:lnTo>
                <a:lnTo>
                  <a:pt x="1635" y="590"/>
                </a:lnTo>
                <a:lnTo>
                  <a:pt x="1649" y="612"/>
                </a:lnTo>
                <a:lnTo>
                  <a:pt x="1664" y="633"/>
                </a:lnTo>
                <a:lnTo>
                  <a:pt x="1682" y="651"/>
                </a:lnTo>
                <a:lnTo>
                  <a:pt x="1682" y="651"/>
                </a:lnTo>
                <a:lnTo>
                  <a:pt x="1659" y="635"/>
                </a:lnTo>
                <a:lnTo>
                  <a:pt x="1635" y="620"/>
                </a:lnTo>
                <a:lnTo>
                  <a:pt x="1611" y="606"/>
                </a:lnTo>
                <a:lnTo>
                  <a:pt x="1586" y="592"/>
                </a:lnTo>
                <a:lnTo>
                  <a:pt x="1560" y="581"/>
                </a:lnTo>
                <a:lnTo>
                  <a:pt x="1535" y="569"/>
                </a:lnTo>
                <a:lnTo>
                  <a:pt x="1508" y="559"/>
                </a:lnTo>
                <a:lnTo>
                  <a:pt x="1481" y="550"/>
                </a:lnTo>
                <a:lnTo>
                  <a:pt x="1454" y="542"/>
                </a:lnTo>
                <a:lnTo>
                  <a:pt x="1427" y="535"/>
                </a:lnTo>
                <a:lnTo>
                  <a:pt x="1398" y="528"/>
                </a:lnTo>
                <a:lnTo>
                  <a:pt x="1370" y="523"/>
                </a:lnTo>
                <a:lnTo>
                  <a:pt x="1340" y="519"/>
                </a:lnTo>
                <a:lnTo>
                  <a:pt x="1311" y="516"/>
                </a:lnTo>
                <a:lnTo>
                  <a:pt x="1281" y="514"/>
                </a:lnTo>
                <a:lnTo>
                  <a:pt x="1253" y="514"/>
                </a:lnTo>
                <a:lnTo>
                  <a:pt x="1253" y="514"/>
                </a:lnTo>
                <a:lnTo>
                  <a:pt x="1215" y="515"/>
                </a:lnTo>
                <a:lnTo>
                  <a:pt x="1178" y="517"/>
                </a:lnTo>
                <a:lnTo>
                  <a:pt x="1141" y="522"/>
                </a:lnTo>
                <a:lnTo>
                  <a:pt x="1104" y="529"/>
                </a:lnTo>
                <a:lnTo>
                  <a:pt x="1068" y="538"/>
                </a:lnTo>
                <a:lnTo>
                  <a:pt x="1034" y="549"/>
                </a:lnTo>
                <a:lnTo>
                  <a:pt x="999" y="561"/>
                </a:lnTo>
                <a:lnTo>
                  <a:pt x="965" y="575"/>
                </a:lnTo>
                <a:lnTo>
                  <a:pt x="933" y="590"/>
                </a:lnTo>
                <a:lnTo>
                  <a:pt x="899" y="607"/>
                </a:lnTo>
                <a:lnTo>
                  <a:pt x="868" y="627"/>
                </a:lnTo>
                <a:lnTo>
                  <a:pt x="838" y="646"/>
                </a:lnTo>
                <a:lnTo>
                  <a:pt x="808" y="668"/>
                </a:lnTo>
                <a:lnTo>
                  <a:pt x="779" y="691"/>
                </a:lnTo>
                <a:lnTo>
                  <a:pt x="752" y="716"/>
                </a:lnTo>
                <a:lnTo>
                  <a:pt x="725" y="742"/>
                </a:lnTo>
                <a:lnTo>
                  <a:pt x="700" y="769"/>
                </a:lnTo>
                <a:lnTo>
                  <a:pt x="677" y="796"/>
                </a:lnTo>
                <a:lnTo>
                  <a:pt x="654" y="826"/>
                </a:lnTo>
                <a:lnTo>
                  <a:pt x="632" y="856"/>
                </a:lnTo>
                <a:lnTo>
                  <a:pt x="612" y="888"/>
                </a:lnTo>
                <a:lnTo>
                  <a:pt x="594" y="921"/>
                </a:lnTo>
                <a:lnTo>
                  <a:pt x="577" y="954"/>
                </a:lnTo>
                <a:lnTo>
                  <a:pt x="562" y="989"/>
                </a:lnTo>
                <a:lnTo>
                  <a:pt x="548" y="1023"/>
                </a:lnTo>
                <a:lnTo>
                  <a:pt x="535" y="1059"/>
                </a:lnTo>
                <a:lnTo>
                  <a:pt x="525" y="1096"/>
                </a:lnTo>
                <a:lnTo>
                  <a:pt x="517" y="1134"/>
                </a:lnTo>
                <a:lnTo>
                  <a:pt x="510" y="1172"/>
                </a:lnTo>
                <a:lnTo>
                  <a:pt x="504" y="1210"/>
                </a:lnTo>
                <a:lnTo>
                  <a:pt x="502" y="1249"/>
                </a:lnTo>
                <a:lnTo>
                  <a:pt x="501" y="1289"/>
                </a:lnTo>
                <a:lnTo>
                  <a:pt x="501" y="1295"/>
                </a:lnTo>
                <a:lnTo>
                  <a:pt x="501" y="1295"/>
                </a:lnTo>
                <a:lnTo>
                  <a:pt x="502" y="1315"/>
                </a:lnTo>
                <a:lnTo>
                  <a:pt x="502" y="1315"/>
                </a:lnTo>
                <a:lnTo>
                  <a:pt x="500" y="1340"/>
                </a:lnTo>
                <a:lnTo>
                  <a:pt x="496" y="1365"/>
                </a:lnTo>
                <a:lnTo>
                  <a:pt x="490" y="1390"/>
                </a:lnTo>
                <a:lnTo>
                  <a:pt x="481" y="1413"/>
                </a:lnTo>
                <a:lnTo>
                  <a:pt x="471" y="1435"/>
                </a:lnTo>
                <a:lnTo>
                  <a:pt x="458" y="1455"/>
                </a:lnTo>
                <a:lnTo>
                  <a:pt x="444" y="1475"/>
                </a:lnTo>
                <a:lnTo>
                  <a:pt x="428" y="1492"/>
                </a:lnTo>
                <a:lnTo>
                  <a:pt x="410" y="1508"/>
                </a:lnTo>
                <a:lnTo>
                  <a:pt x="390" y="1523"/>
                </a:lnTo>
                <a:lnTo>
                  <a:pt x="369" y="1536"/>
                </a:lnTo>
                <a:lnTo>
                  <a:pt x="348" y="1546"/>
                </a:lnTo>
                <a:lnTo>
                  <a:pt x="325" y="1554"/>
                </a:lnTo>
                <a:lnTo>
                  <a:pt x="300" y="1561"/>
                </a:lnTo>
                <a:lnTo>
                  <a:pt x="276" y="1565"/>
                </a:lnTo>
                <a:lnTo>
                  <a:pt x="251" y="1566"/>
                </a:lnTo>
                <a:lnTo>
                  <a:pt x="251" y="1566"/>
                </a:lnTo>
                <a:lnTo>
                  <a:pt x="224" y="1565"/>
                </a:lnTo>
                <a:lnTo>
                  <a:pt x="200" y="1561"/>
                </a:lnTo>
                <a:lnTo>
                  <a:pt x="176" y="1554"/>
                </a:lnTo>
                <a:lnTo>
                  <a:pt x="153" y="1546"/>
                </a:lnTo>
                <a:lnTo>
                  <a:pt x="131" y="1536"/>
                </a:lnTo>
                <a:lnTo>
                  <a:pt x="110" y="1523"/>
                </a:lnTo>
                <a:lnTo>
                  <a:pt x="91" y="1508"/>
                </a:lnTo>
                <a:lnTo>
                  <a:pt x="72" y="1492"/>
                </a:lnTo>
                <a:lnTo>
                  <a:pt x="56" y="1475"/>
                </a:lnTo>
                <a:lnTo>
                  <a:pt x="42" y="1455"/>
                </a:lnTo>
                <a:lnTo>
                  <a:pt x="30" y="1435"/>
                </a:lnTo>
                <a:lnTo>
                  <a:pt x="19" y="1413"/>
                </a:lnTo>
                <a:lnTo>
                  <a:pt x="10" y="1390"/>
                </a:lnTo>
                <a:lnTo>
                  <a:pt x="4" y="1365"/>
                </a:lnTo>
                <a:lnTo>
                  <a:pt x="1" y="1340"/>
                </a:lnTo>
                <a:lnTo>
                  <a:pt x="0" y="1315"/>
                </a:lnTo>
                <a:lnTo>
                  <a:pt x="0" y="1315"/>
                </a:lnTo>
                <a:lnTo>
                  <a:pt x="0" y="1304"/>
                </a:lnTo>
                <a:lnTo>
                  <a:pt x="0" y="1289"/>
                </a:lnTo>
                <a:lnTo>
                  <a:pt x="0" y="1289"/>
                </a:lnTo>
                <a:lnTo>
                  <a:pt x="0" y="1256"/>
                </a:lnTo>
                <a:lnTo>
                  <a:pt x="1" y="1224"/>
                </a:lnTo>
                <a:lnTo>
                  <a:pt x="3" y="1190"/>
                </a:lnTo>
                <a:lnTo>
                  <a:pt x="6" y="1158"/>
                </a:lnTo>
                <a:lnTo>
                  <a:pt x="9" y="1126"/>
                </a:lnTo>
                <a:lnTo>
                  <a:pt x="14" y="1095"/>
                </a:lnTo>
                <a:lnTo>
                  <a:pt x="19" y="1062"/>
                </a:lnTo>
                <a:lnTo>
                  <a:pt x="25" y="1031"/>
                </a:lnTo>
                <a:lnTo>
                  <a:pt x="32" y="1000"/>
                </a:lnTo>
                <a:lnTo>
                  <a:pt x="39" y="969"/>
                </a:lnTo>
                <a:lnTo>
                  <a:pt x="47" y="938"/>
                </a:lnTo>
                <a:lnTo>
                  <a:pt x="56" y="908"/>
                </a:lnTo>
                <a:lnTo>
                  <a:pt x="65" y="878"/>
                </a:lnTo>
                <a:lnTo>
                  <a:pt x="76" y="848"/>
                </a:lnTo>
                <a:lnTo>
                  <a:pt x="86" y="819"/>
                </a:lnTo>
                <a:lnTo>
                  <a:pt x="98" y="790"/>
                </a:lnTo>
                <a:lnTo>
                  <a:pt x="110" y="762"/>
                </a:lnTo>
                <a:lnTo>
                  <a:pt x="123" y="733"/>
                </a:lnTo>
                <a:lnTo>
                  <a:pt x="136" y="705"/>
                </a:lnTo>
                <a:lnTo>
                  <a:pt x="151" y="678"/>
                </a:lnTo>
                <a:lnTo>
                  <a:pt x="166" y="650"/>
                </a:lnTo>
                <a:lnTo>
                  <a:pt x="181" y="623"/>
                </a:lnTo>
                <a:lnTo>
                  <a:pt x="197" y="597"/>
                </a:lnTo>
                <a:lnTo>
                  <a:pt x="213" y="572"/>
                </a:lnTo>
                <a:lnTo>
                  <a:pt x="230" y="546"/>
                </a:lnTo>
                <a:lnTo>
                  <a:pt x="247" y="521"/>
                </a:lnTo>
                <a:lnTo>
                  <a:pt x="266" y="497"/>
                </a:lnTo>
                <a:lnTo>
                  <a:pt x="285" y="472"/>
                </a:lnTo>
                <a:lnTo>
                  <a:pt x="305" y="448"/>
                </a:lnTo>
                <a:lnTo>
                  <a:pt x="325" y="425"/>
                </a:lnTo>
                <a:lnTo>
                  <a:pt x="345" y="402"/>
                </a:lnTo>
                <a:lnTo>
                  <a:pt x="366" y="380"/>
                </a:lnTo>
                <a:lnTo>
                  <a:pt x="388" y="358"/>
                </a:lnTo>
                <a:lnTo>
                  <a:pt x="410" y="338"/>
                </a:lnTo>
                <a:lnTo>
                  <a:pt x="432" y="317"/>
                </a:lnTo>
                <a:lnTo>
                  <a:pt x="455" y="296"/>
                </a:lnTo>
                <a:lnTo>
                  <a:pt x="478" y="278"/>
                </a:lnTo>
                <a:lnTo>
                  <a:pt x="502" y="258"/>
                </a:lnTo>
                <a:lnTo>
                  <a:pt x="526" y="240"/>
                </a:lnTo>
                <a:lnTo>
                  <a:pt x="551" y="222"/>
                </a:lnTo>
                <a:lnTo>
                  <a:pt x="577" y="205"/>
                </a:lnTo>
                <a:lnTo>
                  <a:pt x="602" y="189"/>
                </a:lnTo>
                <a:lnTo>
                  <a:pt x="627" y="173"/>
                </a:lnTo>
                <a:lnTo>
                  <a:pt x="654" y="157"/>
                </a:lnTo>
                <a:lnTo>
                  <a:pt x="682" y="143"/>
                </a:lnTo>
                <a:lnTo>
                  <a:pt x="708" y="129"/>
                </a:lnTo>
                <a:lnTo>
                  <a:pt x="736" y="115"/>
                </a:lnTo>
                <a:lnTo>
                  <a:pt x="764" y="103"/>
                </a:lnTo>
                <a:lnTo>
                  <a:pt x="792" y="91"/>
                </a:lnTo>
                <a:lnTo>
                  <a:pt x="821" y="80"/>
                </a:lnTo>
                <a:lnTo>
                  <a:pt x="850" y="69"/>
                </a:lnTo>
                <a:lnTo>
                  <a:pt x="880" y="59"/>
                </a:lnTo>
                <a:lnTo>
                  <a:pt x="908" y="50"/>
                </a:lnTo>
                <a:lnTo>
                  <a:pt x="938" y="42"/>
                </a:lnTo>
                <a:lnTo>
                  <a:pt x="968" y="33"/>
                </a:lnTo>
                <a:lnTo>
                  <a:pt x="999" y="27"/>
                </a:lnTo>
                <a:lnTo>
                  <a:pt x="1030" y="21"/>
                </a:lnTo>
                <a:lnTo>
                  <a:pt x="1062" y="15"/>
                </a:lnTo>
                <a:lnTo>
                  <a:pt x="1093" y="10"/>
                </a:lnTo>
                <a:lnTo>
                  <a:pt x="1124" y="7"/>
                </a:lnTo>
                <a:lnTo>
                  <a:pt x="1156" y="5"/>
                </a:lnTo>
                <a:lnTo>
                  <a:pt x="1187" y="2"/>
                </a:lnTo>
                <a:lnTo>
                  <a:pt x="1219" y="1"/>
                </a:lnTo>
                <a:lnTo>
                  <a:pt x="1253" y="0"/>
                </a:lnTo>
                <a:lnTo>
                  <a:pt x="1253" y="0"/>
                </a:lnTo>
                <a:lnTo>
                  <a:pt x="1302" y="1"/>
                </a:lnTo>
                <a:lnTo>
                  <a:pt x="1351" y="5"/>
                </a:lnTo>
                <a:lnTo>
                  <a:pt x="1400" y="9"/>
                </a:lnTo>
                <a:lnTo>
                  <a:pt x="1448" y="16"/>
                </a:lnTo>
                <a:lnTo>
                  <a:pt x="1496" y="25"/>
                </a:lnTo>
                <a:lnTo>
                  <a:pt x="1543" y="36"/>
                </a:lnTo>
                <a:lnTo>
                  <a:pt x="1589" y="47"/>
                </a:lnTo>
                <a:lnTo>
                  <a:pt x="1634" y="62"/>
                </a:lnTo>
                <a:lnTo>
                  <a:pt x="1679" y="77"/>
                </a:lnTo>
                <a:lnTo>
                  <a:pt x="1724" y="95"/>
                </a:lnTo>
                <a:lnTo>
                  <a:pt x="1766" y="114"/>
                </a:lnTo>
                <a:lnTo>
                  <a:pt x="1809" y="135"/>
                </a:lnTo>
                <a:lnTo>
                  <a:pt x="1850" y="157"/>
                </a:lnTo>
                <a:lnTo>
                  <a:pt x="1891" y="181"/>
                </a:lnTo>
                <a:lnTo>
                  <a:pt x="1931" y="205"/>
                </a:lnTo>
                <a:lnTo>
                  <a:pt x="1969" y="233"/>
                </a:lnTo>
                <a:lnTo>
                  <a:pt x="1969" y="233"/>
                </a:lnTo>
                <a:lnTo>
                  <a:pt x="1956" y="227"/>
                </a:lnTo>
                <a:lnTo>
                  <a:pt x="1944" y="221"/>
                </a:lnTo>
                <a:lnTo>
                  <a:pt x="1930" y="218"/>
                </a:lnTo>
                <a:lnTo>
                  <a:pt x="1916" y="213"/>
                </a:lnTo>
                <a:lnTo>
                  <a:pt x="1902" y="211"/>
                </a:lnTo>
                <a:lnTo>
                  <a:pt x="1888" y="209"/>
                </a:lnTo>
                <a:lnTo>
                  <a:pt x="1873" y="207"/>
                </a:lnTo>
                <a:lnTo>
                  <a:pt x="1858" y="207"/>
                </a:lnTo>
                <a:lnTo>
                  <a:pt x="1858" y="207"/>
                </a:lnTo>
                <a:lnTo>
                  <a:pt x="1832" y="209"/>
                </a:lnTo>
                <a:lnTo>
                  <a:pt x="1807" y="212"/>
                </a:lnTo>
                <a:lnTo>
                  <a:pt x="1782" y="219"/>
                </a:lnTo>
                <a:lnTo>
                  <a:pt x="1758" y="227"/>
                </a:lnTo>
                <a:lnTo>
                  <a:pt x="1736" y="239"/>
                </a:lnTo>
                <a:lnTo>
                  <a:pt x="1714" y="251"/>
                </a:lnTo>
                <a:lnTo>
                  <a:pt x="1695" y="266"/>
                </a:lnTo>
                <a:lnTo>
                  <a:pt x="1676" y="282"/>
                </a:lnTo>
                <a:lnTo>
                  <a:pt x="1660" y="301"/>
                </a:lnTo>
                <a:lnTo>
                  <a:pt x="1645" y="320"/>
                </a:lnTo>
                <a:lnTo>
                  <a:pt x="1633" y="341"/>
                </a:lnTo>
                <a:lnTo>
                  <a:pt x="1622" y="364"/>
                </a:lnTo>
                <a:lnTo>
                  <a:pt x="1613" y="387"/>
                </a:lnTo>
                <a:lnTo>
                  <a:pt x="1607" y="413"/>
                </a:lnTo>
                <a:lnTo>
                  <a:pt x="1603" y="438"/>
                </a:lnTo>
                <a:lnTo>
                  <a:pt x="1602" y="464"/>
                </a:lnTo>
                <a:lnTo>
                  <a:pt x="1602" y="464"/>
                </a:lnTo>
                <a:close/>
              </a:path>
            </a:pathLst>
          </a:custGeom>
          <a:solidFill>
            <a:schemeClr val="accent3"/>
          </a:solidFill>
          <a:ln>
            <a:noFill/>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0" name="Freeform 8">
            <a:extLst>
              <a:ext uri="{FF2B5EF4-FFF2-40B4-BE49-F238E27FC236}">
                <a16:creationId xmlns:a16="http://schemas.microsoft.com/office/drawing/2014/main" id="{AA9AB587-5AF5-4601-B61C-1D2A294DA9CA}"/>
              </a:ext>
            </a:extLst>
          </p:cNvPr>
          <p:cNvSpPr>
            <a:spLocks/>
          </p:cNvSpPr>
          <p:nvPr userDrawn="1"/>
        </p:nvSpPr>
        <p:spPr bwMode="auto">
          <a:xfrm>
            <a:off x="6462185" y="1773769"/>
            <a:ext cx="963084" cy="2214033"/>
          </a:xfrm>
          <a:custGeom>
            <a:avLst/>
            <a:gdLst>
              <a:gd name="T0" fmla="*/ 908 w 908"/>
              <a:gd name="T1" fmla="*/ 1137 h 2093"/>
              <a:gd name="T2" fmla="*/ 891 w 908"/>
              <a:gd name="T3" fmla="*/ 1300 h 2093"/>
              <a:gd name="T4" fmla="*/ 855 w 908"/>
              <a:gd name="T5" fmla="*/ 1460 h 2093"/>
              <a:gd name="T6" fmla="*/ 816 w 908"/>
              <a:gd name="T7" fmla="*/ 1566 h 2093"/>
              <a:gd name="T8" fmla="*/ 776 w 908"/>
              <a:gd name="T9" fmla="*/ 1657 h 2093"/>
              <a:gd name="T10" fmla="*/ 729 w 908"/>
              <a:gd name="T11" fmla="*/ 1746 h 2093"/>
              <a:gd name="T12" fmla="*/ 674 w 908"/>
              <a:gd name="T13" fmla="*/ 1829 h 2093"/>
              <a:gd name="T14" fmla="*/ 613 w 908"/>
              <a:gd name="T15" fmla="*/ 1909 h 2093"/>
              <a:gd name="T16" fmla="*/ 545 w 908"/>
              <a:gd name="T17" fmla="*/ 1981 h 2093"/>
              <a:gd name="T18" fmla="*/ 427 w 908"/>
              <a:gd name="T19" fmla="*/ 2093 h 2093"/>
              <a:gd name="T20" fmla="*/ 469 w 908"/>
              <a:gd name="T21" fmla="*/ 2035 h 2093"/>
              <a:gd name="T22" fmla="*/ 494 w 908"/>
              <a:gd name="T23" fmla="*/ 1967 h 2093"/>
              <a:gd name="T24" fmla="*/ 498 w 908"/>
              <a:gd name="T25" fmla="*/ 1917 h 2093"/>
              <a:gd name="T26" fmla="*/ 488 w 908"/>
              <a:gd name="T27" fmla="*/ 1842 h 2093"/>
              <a:gd name="T28" fmla="*/ 456 w 908"/>
              <a:gd name="T29" fmla="*/ 1776 h 2093"/>
              <a:gd name="T30" fmla="*/ 407 w 908"/>
              <a:gd name="T31" fmla="*/ 1723 h 2093"/>
              <a:gd name="T32" fmla="*/ 345 w 908"/>
              <a:gd name="T33" fmla="*/ 1685 h 2093"/>
              <a:gd name="T34" fmla="*/ 273 w 908"/>
              <a:gd name="T35" fmla="*/ 1667 h 2093"/>
              <a:gd name="T36" fmla="*/ 222 w 908"/>
              <a:gd name="T37" fmla="*/ 1667 h 2093"/>
              <a:gd name="T38" fmla="*/ 152 w 908"/>
              <a:gd name="T39" fmla="*/ 1684 h 2093"/>
              <a:gd name="T40" fmla="*/ 91 w 908"/>
              <a:gd name="T41" fmla="*/ 1720 h 2093"/>
              <a:gd name="T42" fmla="*/ 217 w 908"/>
              <a:gd name="T43" fmla="*/ 1592 h 2093"/>
              <a:gd name="T44" fmla="*/ 291 w 908"/>
              <a:gd name="T45" fmla="*/ 1513 h 2093"/>
              <a:gd name="T46" fmla="*/ 317 w 908"/>
              <a:gd name="T47" fmla="*/ 1466 h 2093"/>
              <a:gd name="T48" fmla="*/ 352 w 908"/>
              <a:gd name="T49" fmla="*/ 1393 h 2093"/>
              <a:gd name="T50" fmla="*/ 377 w 908"/>
              <a:gd name="T51" fmla="*/ 1315 h 2093"/>
              <a:gd name="T52" fmla="*/ 396 w 908"/>
              <a:gd name="T53" fmla="*/ 1232 h 2093"/>
              <a:gd name="T54" fmla="*/ 406 w 908"/>
              <a:gd name="T55" fmla="*/ 1143 h 2093"/>
              <a:gd name="T56" fmla="*/ 407 w 908"/>
              <a:gd name="T57" fmla="*/ 1082 h 2093"/>
              <a:gd name="T58" fmla="*/ 397 w 908"/>
              <a:gd name="T59" fmla="*/ 948 h 2093"/>
              <a:gd name="T60" fmla="*/ 364 w 908"/>
              <a:gd name="T61" fmla="*/ 821 h 2093"/>
              <a:gd name="T62" fmla="*/ 312 w 908"/>
              <a:gd name="T63" fmla="*/ 703 h 2093"/>
              <a:gd name="T64" fmla="*/ 241 w 908"/>
              <a:gd name="T65" fmla="*/ 597 h 2093"/>
              <a:gd name="T66" fmla="*/ 155 w 908"/>
              <a:gd name="T67" fmla="*/ 505 h 2093"/>
              <a:gd name="T68" fmla="*/ 102 w 908"/>
              <a:gd name="T69" fmla="*/ 460 h 2093"/>
              <a:gd name="T70" fmla="*/ 62 w 908"/>
              <a:gd name="T71" fmla="*/ 426 h 2093"/>
              <a:gd name="T72" fmla="*/ 22 w 908"/>
              <a:gd name="T73" fmla="*/ 360 h 2093"/>
              <a:gd name="T74" fmla="*/ 3 w 908"/>
              <a:gd name="T75" fmla="*/ 298 h 2093"/>
              <a:gd name="T76" fmla="*/ 0 w 908"/>
              <a:gd name="T77" fmla="*/ 257 h 2093"/>
              <a:gd name="T78" fmla="*/ 5 w 908"/>
              <a:gd name="T79" fmla="*/ 206 h 2093"/>
              <a:gd name="T80" fmla="*/ 31 w 908"/>
              <a:gd name="T81" fmla="*/ 134 h 2093"/>
              <a:gd name="T82" fmla="*/ 74 w 908"/>
              <a:gd name="T83" fmla="*/ 75 h 2093"/>
              <a:gd name="T84" fmla="*/ 134 w 908"/>
              <a:gd name="T85" fmla="*/ 32 h 2093"/>
              <a:gd name="T86" fmla="*/ 205 w 908"/>
              <a:gd name="T87" fmla="*/ 5 h 2093"/>
              <a:gd name="T88" fmla="*/ 256 w 908"/>
              <a:gd name="T89" fmla="*/ 0 h 2093"/>
              <a:gd name="T90" fmla="*/ 300 w 908"/>
              <a:gd name="T91" fmla="*/ 4 h 2093"/>
              <a:gd name="T92" fmla="*/ 342 w 908"/>
              <a:gd name="T93" fmla="*/ 14 h 2093"/>
              <a:gd name="T94" fmla="*/ 367 w 908"/>
              <a:gd name="T95" fmla="*/ 26 h 2093"/>
              <a:gd name="T96" fmla="*/ 455 w 908"/>
              <a:gd name="T97" fmla="*/ 94 h 2093"/>
              <a:gd name="T98" fmla="*/ 531 w 908"/>
              <a:gd name="T99" fmla="*/ 164 h 2093"/>
              <a:gd name="T100" fmla="*/ 600 w 908"/>
              <a:gd name="T101" fmla="*/ 239 h 2093"/>
              <a:gd name="T102" fmla="*/ 663 w 908"/>
              <a:gd name="T103" fmla="*/ 321 h 2093"/>
              <a:gd name="T104" fmla="*/ 721 w 908"/>
              <a:gd name="T105" fmla="*/ 407 h 2093"/>
              <a:gd name="T106" fmla="*/ 770 w 908"/>
              <a:gd name="T107" fmla="*/ 498 h 2093"/>
              <a:gd name="T108" fmla="*/ 814 w 908"/>
              <a:gd name="T109" fmla="*/ 593 h 2093"/>
              <a:gd name="T110" fmla="*/ 850 w 908"/>
              <a:gd name="T111" fmla="*/ 692 h 2093"/>
              <a:gd name="T112" fmla="*/ 877 w 908"/>
              <a:gd name="T113" fmla="*/ 794 h 2093"/>
              <a:gd name="T114" fmla="*/ 896 w 908"/>
              <a:gd name="T115" fmla="*/ 900 h 2093"/>
              <a:gd name="T116" fmla="*/ 907 w 908"/>
              <a:gd name="T117" fmla="*/ 1009 h 2093"/>
              <a:gd name="T118" fmla="*/ 908 w 908"/>
              <a:gd name="T119" fmla="*/ 1082 h 209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Lst>
            <a:rect l="0" t="0" r="r" b="b"/>
            <a:pathLst>
              <a:path w="908" h="2093">
                <a:moveTo>
                  <a:pt x="908" y="1082"/>
                </a:moveTo>
                <a:lnTo>
                  <a:pt x="908" y="1082"/>
                </a:lnTo>
                <a:lnTo>
                  <a:pt x="908" y="1137"/>
                </a:lnTo>
                <a:lnTo>
                  <a:pt x="905" y="1191"/>
                </a:lnTo>
                <a:lnTo>
                  <a:pt x="899" y="1246"/>
                </a:lnTo>
                <a:lnTo>
                  <a:pt x="891" y="1300"/>
                </a:lnTo>
                <a:lnTo>
                  <a:pt x="882" y="1354"/>
                </a:lnTo>
                <a:lnTo>
                  <a:pt x="869" y="1407"/>
                </a:lnTo>
                <a:lnTo>
                  <a:pt x="855" y="1460"/>
                </a:lnTo>
                <a:lnTo>
                  <a:pt x="839" y="1513"/>
                </a:lnTo>
                <a:lnTo>
                  <a:pt x="816" y="1566"/>
                </a:lnTo>
                <a:lnTo>
                  <a:pt x="816" y="1566"/>
                </a:lnTo>
                <a:lnTo>
                  <a:pt x="803" y="1597"/>
                </a:lnTo>
                <a:lnTo>
                  <a:pt x="790" y="1627"/>
                </a:lnTo>
                <a:lnTo>
                  <a:pt x="776" y="1657"/>
                </a:lnTo>
                <a:lnTo>
                  <a:pt x="761" y="1687"/>
                </a:lnTo>
                <a:lnTo>
                  <a:pt x="746" y="1717"/>
                </a:lnTo>
                <a:lnTo>
                  <a:pt x="729" y="1746"/>
                </a:lnTo>
                <a:lnTo>
                  <a:pt x="711" y="1774"/>
                </a:lnTo>
                <a:lnTo>
                  <a:pt x="694" y="1803"/>
                </a:lnTo>
                <a:lnTo>
                  <a:pt x="674" y="1829"/>
                </a:lnTo>
                <a:lnTo>
                  <a:pt x="655" y="1857"/>
                </a:lnTo>
                <a:lnTo>
                  <a:pt x="634" y="1882"/>
                </a:lnTo>
                <a:lnTo>
                  <a:pt x="613" y="1909"/>
                </a:lnTo>
                <a:lnTo>
                  <a:pt x="592" y="1933"/>
                </a:lnTo>
                <a:lnTo>
                  <a:pt x="569" y="1958"/>
                </a:lnTo>
                <a:lnTo>
                  <a:pt x="545" y="1981"/>
                </a:lnTo>
                <a:lnTo>
                  <a:pt x="521" y="2004"/>
                </a:lnTo>
                <a:lnTo>
                  <a:pt x="427" y="2093"/>
                </a:lnTo>
                <a:lnTo>
                  <a:pt x="427" y="2093"/>
                </a:lnTo>
                <a:lnTo>
                  <a:pt x="443" y="2076"/>
                </a:lnTo>
                <a:lnTo>
                  <a:pt x="457" y="2056"/>
                </a:lnTo>
                <a:lnTo>
                  <a:pt x="469" y="2035"/>
                </a:lnTo>
                <a:lnTo>
                  <a:pt x="480" y="2013"/>
                </a:lnTo>
                <a:lnTo>
                  <a:pt x="488" y="1990"/>
                </a:lnTo>
                <a:lnTo>
                  <a:pt x="494" y="1967"/>
                </a:lnTo>
                <a:lnTo>
                  <a:pt x="497" y="1942"/>
                </a:lnTo>
                <a:lnTo>
                  <a:pt x="498" y="1917"/>
                </a:lnTo>
                <a:lnTo>
                  <a:pt x="498" y="1917"/>
                </a:lnTo>
                <a:lnTo>
                  <a:pt x="497" y="1891"/>
                </a:lnTo>
                <a:lnTo>
                  <a:pt x="494" y="1866"/>
                </a:lnTo>
                <a:lnTo>
                  <a:pt x="488" y="1842"/>
                </a:lnTo>
                <a:lnTo>
                  <a:pt x="479" y="1819"/>
                </a:lnTo>
                <a:lnTo>
                  <a:pt x="468" y="1797"/>
                </a:lnTo>
                <a:lnTo>
                  <a:pt x="456" y="1776"/>
                </a:lnTo>
                <a:lnTo>
                  <a:pt x="442" y="1756"/>
                </a:lnTo>
                <a:lnTo>
                  <a:pt x="425" y="1739"/>
                </a:lnTo>
                <a:lnTo>
                  <a:pt x="407" y="1723"/>
                </a:lnTo>
                <a:lnTo>
                  <a:pt x="388" y="1708"/>
                </a:lnTo>
                <a:lnTo>
                  <a:pt x="367" y="1695"/>
                </a:lnTo>
                <a:lnTo>
                  <a:pt x="345" y="1685"/>
                </a:lnTo>
                <a:lnTo>
                  <a:pt x="322" y="1677"/>
                </a:lnTo>
                <a:lnTo>
                  <a:pt x="298" y="1670"/>
                </a:lnTo>
                <a:lnTo>
                  <a:pt x="273" y="1667"/>
                </a:lnTo>
                <a:lnTo>
                  <a:pt x="247" y="1665"/>
                </a:lnTo>
                <a:lnTo>
                  <a:pt x="247" y="1665"/>
                </a:lnTo>
                <a:lnTo>
                  <a:pt x="222" y="1667"/>
                </a:lnTo>
                <a:lnTo>
                  <a:pt x="198" y="1670"/>
                </a:lnTo>
                <a:lnTo>
                  <a:pt x="175" y="1676"/>
                </a:lnTo>
                <a:lnTo>
                  <a:pt x="152" y="1684"/>
                </a:lnTo>
                <a:lnTo>
                  <a:pt x="131" y="1694"/>
                </a:lnTo>
                <a:lnTo>
                  <a:pt x="110" y="1706"/>
                </a:lnTo>
                <a:lnTo>
                  <a:pt x="91" y="1720"/>
                </a:lnTo>
                <a:lnTo>
                  <a:pt x="73" y="1735"/>
                </a:lnTo>
                <a:lnTo>
                  <a:pt x="71" y="1732"/>
                </a:lnTo>
                <a:lnTo>
                  <a:pt x="217" y="1592"/>
                </a:lnTo>
                <a:lnTo>
                  <a:pt x="217" y="1592"/>
                </a:lnTo>
                <a:lnTo>
                  <a:pt x="255" y="1554"/>
                </a:lnTo>
                <a:lnTo>
                  <a:pt x="291" y="1513"/>
                </a:lnTo>
                <a:lnTo>
                  <a:pt x="291" y="1513"/>
                </a:lnTo>
                <a:lnTo>
                  <a:pt x="305" y="1490"/>
                </a:lnTo>
                <a:lnTo>
                  <a:pt x="317" y="1466"/>
                </a:lnTo>
                <a:lnTo>
                  <a:pt x="330" y="1443"/>
                </a:lnTo>
                <a:lnTo>
                  <a:pt x="342" y="1418"/>
                </a:lnTo>
                <a:lnTo>
                  <a:pt x="352" y="1393"/>
                </a:lnTo>
                <a:lnTo>
                  <a:pt x="361" y="1368"/>
                </a:lnTo>
                <a:lnTo>
                  <a:pt x="370" y="1342"/>
                </a:lnTo>
                <a:lnTo>
                  <a:pt x="377" y="1315"/>
                </a:lnTo>
                <a:lnTo>
                  <a:pt x="384" y="1289"/>
                </a:lnTo>
                <a:lnTo>
                  <a:pt x="391" y="1261"/>
                </a:lnTo>
                <a:lnTo>
                  <a:pt x="396" y="1232"/>
                </a:lnTo>
                <a:lnTo>
                  <a:pt x="400" y="1203"/>
                </a:lnTo>
                <a:lnTo>
                  <a:pt x="404" y="1175"/>
                </a:lnTo>
                <a:lnTo>
                  <a:pt x="406" y="1143"/>
                </a:lnTo>
                <a:lnTo>
                  <a:pt x="407" y="1113"/>
                </a:lnTo>
                <a:lnTo>
                  <a:pt x="407" y="1082"/>
                </a:lnTo>
                <a:lnTo>
                  <a:pt x="407" y="1082"/>
                </a:lnTo>
                <a:lnTo>
                  <a:pt x="406" y="1036"/>
                </a:lnTo>
                <a:lnTo>
                  <a:pt x="403" y="991"/>
                </a:lnTo>
                <a:lnTo>
                  <a:pt x="397" y="948"/>
                </a:lnTo>
                <a:lnTo>
                  <a:pt x="388" y="905"/>
                </a:lnTo>
                <a:lnTo>
                  <a:pt x="376" y="862"/>
                </a:lnTo>
                <a:lnTo>
                  <a:pt x="364" y="821"/>
                </a:lnTo>
                <a:lnTo>
                  <a:pt x="349" y="781"/>
                </a:lnTo>
                <a:lnTo>
                  <a:pt x="331" y="741"/>
                </a:lnTo>
                <a:lnTo>
                  <a:pt x="312" y="703"/>
                </a:lnTo>
                <a:lnTo>
                  <a:pt x="290" y="666"/>
                </a:lnTo>
                <a:lnTo>
                  <a:pt x="267" y="632"/>
                </a:lnTo>
                <a:lnTo>
                  <a:pt x="241" y="597"/>
                </a:lnTo>
                <a:lnTo>
                  <a:pt x="214" y="565"/>
                </a:lnTo>
                <a:lnTo>
                  <a:pt x="186" y="534"/>
                </a:lnTo>
                <a:lnTo>
                  <a:pt x="155" y="505"/>
                </a:lnTo>
                <a:lnTo>
                  <a:pt x="124" y="477"/>
                </a:lnTo>
                <a:lnTo>
                  <a:pt x="124" y="477"/>
                </a:lnTo>
                <a:lnTo>
                  <a:pt x="102" y="460"/>
                </a:lnTo>
                <a:lnTo>
                  <a:pt x="80" y="444"/>
                </a:lnTo>
                <a:lnTo>
                  <a:pt x="80" y="444"/>
                </a:lnTo>
                <a:lnTo>
                  <a:pt x="62" y="426"/>
                </a:lnTo>
                <a:lnTo>
                  <a:pt x="47" y="405"/>
                </a:lnTo>
                <a:lnTo>
                  <a:pt x="33" y="383"/>
                </a:lnTo>
                <a:lnTo>
                  <a:pt x="22" y="360"/>
                </a:lnTo>
                <a:lnTo>
                  <a:pt x="12" y="336"/>
                </a:lnTo>
                <a:lnTo>
                  <a:pt x="5" y="310"/>
                </a:lnTo>
                <a:lnTo>
                  <a:pt x="3" y="298"/>
                </a:lnTo>
                <a:lnTo>
                  <a:pt x="1" y="284"/>
                </a:lnTo>
                <a:lnTo>
                  <a:pt x="0" y="271"/>
                </a:lnTo>
                <a:lnTo>
                  <a:pt x="0" y="257"/>
                </a:lnTo>
                <a:lnTo>
                  <a:pt x="0" y="257"/>
                </a:lnTo>
                <a:lnTo>
                  <a:pt x="1" y="231"/>
                </a:lnTo>
                <a:lnTo>
                  <a:pt x="5" y="206"/>
                </a:lnTo>
                <a:lnTo>
                  <a:pt x="11" y="180"/>
                </a:lnTo>
                <a:lnTo>
                  <a:pt x="20" y="157"/>
                </a:lnTo>
                <a:lnTo>
                  <a:pt x="31" y="134"/>
                </a:lnTo>
                <a:lnTo>
                  <a:pt x="43" y="113"/>
                </a:lnTo>
                <a:lnTo>
                  <a:pt x="58" y="94"/>
                </a:lnTo>
                <a:lnTo>
                  <a:pt x="74" y="75"/>
                </a:lnTo>
                <a:lnTo>
                  <a:pt x="93" y="59"/>
                </a:lnTo>
                <a:lnTo>
                  <a:pt x="112" y="44"/>
                </a:lnTo>
                <a:lnTo>
                  <a:pt x="134" y="32"/>
                </a:lnTo>
                <a:lnTo>
                  <a:pt x="156" y="20"/>
                </a:lnTo>
                <a:lnTo>
                  <a:pt x="180" y="12"/>
                </a:lnTo>
                <a:lnTo>
                  <a:pt x="205" y="5"/>
                </a:lnTo>
                <a:lnTo>
                  <a:pt x="230" y="2"/>
                </a:lnTo>
                <a:lnTo>
                  <a:pt x="256" y="0"/>
                </a:lnTo>
                <a:lnTo>
                  <a:pt x="256" y="0"/>
                </a:lnTo>
                <a:lnTo>
                  <a:pt x="271" y="0"/>
                </a:lnTo>
                <a:lnTo>
                  <a:pt x="286" y="2"/>
                </a:lnTo>
                <a:lnTo>
                  <a:pt x="300" y="4"/>
                </a:lnTo>
                <a:lnTo>
                  <a:pt x="314" y="6"/>
                </a:lnTo>
                <a:lnTo>
                  <a:pt x="328" y="11"/>
                </a:lnTo>
                <a:lnTo>
                  <a:pt x="342" y="14"/>
                </a:lnTo>
                <a:lnTo>
                  <a:pt x="354" y="20"/>
                </a:lnTo>
                <a:lnTo>
                  <a:pt x="367" y="26"/>
                </a:lnTo>
                <a:lnTo>
                  <a:pt x="367" y="26"/>
                </a:lnTo>
                <a:lnTo>
                  <a:pt x="412" y="58"/>
                </a:lnTo>
                <a:lnTo>
                  <a:pt x="455" y="94"/>
                </a:lnTo>
                <a:lnTo>
                  <a:pt x="455" y="94"/>
                </a:lnTo>
                <a:lnTo>
                  <a:pt x="481" y="117"/>
                </a:lnTo>
                <a:lnTo>
                  <a:pt x="505" y="140"/>
                </a:lnTo>
                <a:lnTo>
                  <a:pt x="531" y="164"/>
                </a:lnTo>
                <a:lnTo>
                  <a:pt x="554" y="188"/>
                </a:lnTo>
                <a:lnTo>
                  <a:pt x="578" y="214"/>
                </a:lnTo>
                <a:lnTo>
                  <a:pt x="600" y="239"/>
                </a:lnTo>
                <a:lnTo>
                  <a:pt x="621" y="265"/>
                </a:lnTo>
                <a:lnTo>
                  <a:pt x="642" y="293"/>
                </a:lnTo>
                <a:lnTo>
                  <a:pt x="663" y="321"/>
                </a:lnTo>
                <a:lnTo>
                  <a:pt x="683" y="348"/>
                </a:lnTo>
                <a:lnTo>
                  <a:pt x="702" y="377"/>
                </a:lnTo>
                <a:lnTo>
                  <a:pt x="721" y="407"/>
                </a:lnTo>
                <a:lnTo>
                  <a:pt x="738" y="437"/>
                </a:lnTo>
                <a:lnTo>
                  <a:pt x="755" y="467"/>
                </a:lnTo>
                <a:lnTo>
                  <a:pt x="770" y="498"/>
                </a:lnTo>
                <a:lnTo>
                  <a:pt x="786" y="529"/>
                </a:lnTo>
                <a:lnTo>
                  <a:pt x="800" y="560"/>
                </a:lnTo>
                <a:lnTo>
                  <a:pt x="814" y="593"/>
                </a:lnTo>
                <a:lnTo>
                  <a:pt x="826" y="625"/>
                </a:lnTo>
                <a:lnTo>
                  <a:pt x="838" y="658"/>
                </a:lnTo>
                <a:lnTo>
                  <a:pt x="850" y="692"/>
                </a:lnTo>
                <a:lnTo>
                  <a:pt x="860" y="726"/>
                </a:lnTo>
                <a:lnTo>
                  <a:pt x="869" y="760"/>
                </a:lnTo>
                <a:lnTo>
                  <a:pt x="877" y="794"/>
                </a:lnTo>
                <a:lnTo>
                  <a:pt x="884" y="829"/>
                </a:lnTo>
                <a:lnTo>
                  <a:pt x="891" y="865"/>
                </a:lnTo>
                <a:lnTo>
                  <a:pt x="896" y="900"/>
                </a:lnTo>
                <a:lnTo>
                  <a:pt x="900" y="936"/>
                </a:lnTo>
                <a:lnTo>
                  <a:pt x="904" y="972"/>
                </a:lnTo>
                <a:lnTo>
                  <a:pt x="907" y="1009"/>
                </a:lnTo>
                <a:lnTo>
                  <a:pt x="908" y="1046"/>
                </a:lnTo>
                <a:lnTo>
                  <a:pt x="908" y="1082"/>
                </a:lnTo>
                <a:lnTo>
                  <a:pt x="908" y="1082"/>
                </a:lnTo>
                <a:close/>
              </a:path>
            </a:pathLst>
          </a:custGeom>
          <a:solidFill>
            <a:schemeClr val="accent4"/>
          </a:solidFill>
          <a:ln>
            <a:noFill/>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1" name="Freeform 9">
            <a:extLst>
              <a:ext uri="{FF2B5EF4-FFF2-40B4-BE49-F238E27FC236}">
                <a16:creationId xmlns:a16="http://schemas.microsoft.com/office/drawing/2014/main" id="{19DB9567-B446-434E-8E86-1BBE79B83C34}"/>
              </a:ext>
            </a:extLst>
          </p:cNvPr>
          <p:cNvSpPr>
            <a:spLocks/>
          </p:cNvSpPr>
          <p:nvPr userDrawn="1"/>
        </p:nvSpPr>
        <p:spPr bwMode="auto">
          <a:xfrm>
            <a:off x="5778501" y="3536951"/>
            <a:ext cx="1212851" cy="1305984"/>
          </a:xfrm>
          <a:custGeom>
            <a:avLst/>
            <a:gdLst>
              <a:gd name="T0" fmla="*/ 1144 w 1144"/>
              <a:gd name="T1" fmla="*/ 252 h 1236"/>
              <a:gd name="T2" fmla="*/ 1144 w 1144"/>
              <a:gd name="T3" fmla="*/ 252 h 1236"/>
              <a:gd name="T4" fmla="*/ 1143 w 1144"/>
              <a:gd name="T5" fmla="*/ 277 h 1236"/>
              <a:gd name="T6" fmla="*/ 1140 w 1144"/>
              <a:gd name="T7" fmla="*/ 302 h 1236"/>
              <a:gd name="T8" fmla="*/ 1134 w 1144"/>
              <a:gd name="T9" fmla="*/ 325 h 1236"/>
              <a:gd name="T10" fmla="*/ 1126 w 1144"/>
              <a:gd name="T11" fmla="*/ 348 h 1236"/>
              <a:gd name="T12" fmla="*/ 1115 w 1144"/>
              <a:gd name="T13" fmla="*/ 370 h 1236"/>
              <a:gd name="T14" fmla="*/ 1103 w 1144"/>
              <a:gd name="T15" fmla="*/ 391 h 1236"/>
              <a:gd name="T16" fmla="*/ 1089 w 1144"/>
              <a:gd name="T17" fmla="*/ 411 h 1236"/>
              <a:gd name="T18" fmla="*/ 1073 w 1144"/>
              <a:gd name="T19" fmla="*/ 428 h 1236"/>
              <a:gd name="T20" fmla="*/ 1057 w 1144"/>
              <a:gd name="T21" fmla="*/ 444 h 1236"/>
              <a:gd name="T22" fmla="*/ 1057 w 1144"/>
              <a:gd name="T23" fmla="*/ 444 h 1236"/>
              <a:gd name="T24" fmla="*/ 1056 w 1144"/>
              <a:gd name="T25" fmla="*/ 444 h 1236"/>
              <a:gd name="T26" fmla="*/ 552 w 1144"/>
              <a:gd name="T27" fmla="*/ 915 h 1236"/>
              <a:gd name="T28" fmla="*/ 552 w 1144"/>
              <a:gd name="T29" fmla="*/ 1236 h 1236"/>
              <a:gd name="T30" fmla="*/ 0 w 1144"/>
              <a:gd name="T31" fmla="*/ 1236 h 1236"/>
              <a:gd name="T32" fmla="*/ 0 w 1144"/>
              <a:gd name="T33" fmla="*/ 1108 h 1236"/>
              <a:gd name="T34" fmla="*/ 5 w 1144"/>
              <a:gd name="T35" fmla="*/ 746 h 1236"/>
              <a:gd name="T36" fmla="*/ 86 w 1144"/>
              <a:gd name="T37" fmla="*/ 671 h 1236"/>
              <a:gd name="T38" fmla="*/ 717 w 1144"/>
              <a:gd name="T39" fmla="*/ 67 h 1236"/>
              <a:gd name="T40" fmla="*/ 717 w 1144"/>
              <a:gd name="T41" fmla="*/ 67 h 1236"/>
              <a:gd name="T42" fmla="*/ 734 w 1144"/>
              <a:gd name="T43" fmla="*/ 51 h 1236"/>
              <a:gd name="T44" fmla="*/ 754 w 1144"/>
              <a:gd name="T45" fmla="*/ 38 h 1236"/>
              <a:gd name="T46" fmla="*/ 775 w 1144"/>
              <a:gd name="T47" fmla="*/ 27 h 1236"/>
              <a:gd name="T48" fmla="*/ 796 w 1144"/>
              <a:gd name="T49" fmla="*/ 18 h 1236"/>
              <a:gd name="T50" fmla="*/ 820 w 1144"/>
              <a:gd name="T51" fmla="*/ 10 h 1236"/>
              <a:gd name="T52" fmla="*/ 844 w 1144"/>
              <a:gd name="T53" fmla="*/ 5 h 1236"/>
              <a:gd name="T54" fmla="*/ 868 w 1144"/>
              <a:gd name="T55" fmla="*/ 2 h 1236"/>
              <a:gd name="T56" fmla="*/ 893 w 1144"/>
              <a:gd name="T57" fmla="*/ 0 h 1236"/>
              <a:gd name="T58" fmla="*/ 893 w 1144"/>
              <a:gd name="T59" fmla="*/ 0 h 1236"/>
              <a:gd name="T60" fmla="*/ 919 w 1144"/>
              <a:gd name="T61" fmla="*/ 2 h 1236"/>
              <a:gd name="T62" fmla="*/ 944 w 1144"/>
              <a:gd name="T63" fmla="*/ 5 h 1236"/>
              <a:gd name="T64" fmla="*/ 968 w 1144"/>
              <a:gd name="T65" fmla="*/ 12 h 1236"/>
              <a:gd name="T66" fmla="*/ 991 w 1144"/>
              <a:gd name="T67" fmla="*/ 20 h 1236"/>
              <a:gd name="T68" fmla="*/ 1013 w 1144"/>
              <a:gd name="T69" fmla="*/ 30 h 1236"/>
              <a:gd name="T70" fmla="*/ 1034 w 1144"/>
              <a:gd name="T71" fmla="*/ 43 h 1236"/>
              <a:gd name="T72" fmla="*/ 1053 w 1144"/>
              <a:gd name="T73" fmla="*/ 58 h 1236"/>
              <a:gd name="T74" fmla="*/ 1071 w 1144"/>
              <a:gd name="T75" fmla="*/ 74 h 1236"/>
              <a:gd name="T76" fmla="*/ 1088 w 1144"/>
              <a:gd name="T77" fmla="*/ 91 h 1236"/>
              <a:gd name="T78" fmla="*/ 1102 w 1144"/>
              <a:gd name="T79" fmla="*/ 111 h 1236"/>
              <a:gd name="T80" fmla="*/ 1114 w 1144"/>
              <a:gd name="T81" fmla="*/ 132 h 1236"/>
              <a:gd name="T82" fmla="*/ 1125 w 1144"/>
              <a:gd name="T83" fmla="*/ 154 h 1236"/>
              <a:gd name="T84" fmla="*/ 1134 w 1144"/>
              <a:gd name="T85" fmla="*/ 177 h 1236"/>
              <a:gd name="T86" fmla="*/ 1140 w 1144"/>
              <a:gd name="T87" fmla="*/ 201 h 1236"/>
              <a:gd name="T88" fmla="*/ 1143 w 1144"/>
              <a:gd name="T89" fmla="*/ 226 h 1236"/>
              <a:gd name="T90" fmla="*/ 1144 w 1144"/>
              <a:gd name="T91" fmla="*/ 252 h 1236"/>
              <a:gd name="T92" fmla="*/ 1144 w 1144"/>
              <a:gd name="T93" fmla="*/ 252 h 123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Lst>
            <a:rect l="0" t="0" r="r" b="b"/>
            <a:pathLst>
              <a:path w="1144" h="1236">
                <a:moveTo>
                  <a:pt x="1144" y="252"/>
                </a:moveTo>
                <a:lnTo>
                  <a:pt x="1144" y="252"/>
                </a:lnTo>
                <a:lnTo>
                  <a:pt x="1143" y="277"/>
                </a:lnTo>
                <a:lnTo>
                  <a:pt x="1140" y="302"/>
                </a:lnTo>
                <a:lnTo>
                  <a:pt x="1134" y="325"/>
                </a:lnTo>
                <a:lnTo>
                  <a:pt x="1126" y="348"/>
                </a:lnTo>
                <a:lnTo>
                  <a:pt x="1115" y="370"/>
                </a:lnTo>
                <a:lnTo>
                  <a:pt x="1103" y="391"/>
                </a:lnTo>
                <a:lnTo>
                  <a:pt x="1089" y="411"/>
                </a:lnTo>
                <a:lnTo>
                  <a:pt x="1073" y="428"/>
                </a:lnTo>
                <a:lnTo>
                  <a:pt x="1057" y="444"/>
                </a:lnTo>
                <a:lnTo>
                  <a:pt x="1057" y="444"/>
                </a:lnTo>
                <a:lnTo>
                  <a:pt x="1056" y="444"/>
                </a:lnTo>
                <a:lnTo>
                  <a:pt x="552" y="915"/>
                </a:lnTo>
                <a:lnTo>
                  <a:pt x="552" y="1236"/>
                </a:lnTo>
                <a:lnTo>
                  <a:pt x="0" y="1236"/>
                </a:lnTo>
                <a:lnTo>
                  <a:pt x="0" y="1108"/>
                </a:lnTo>
                <a:lnTo>
                  <a:pt x="5" y="746"/>
                </a:lnTo>
                <a:lnTo>
                  <a:pt x="86" y="671"/>
                </a:lnTo>
                <a:lnTo>
                  <a:pt x="717" y="67"/>
                </a:lnTo>
                <a:lnTo>
                  <a:pt x="717" y="67"/>
                </a:lnTo>
                <a:lnTo>
                  <a:pt x="734" y="51"/>
                </a:lnTo>
                <a:lnTo>
                  <a:pt x="754" y="38"/>
                </a:lnTo>
                <a:lnTo>
                  <a:pt x="775" y="27"/>
                </a:lnTo>
                <a:lnTo>
                  <a:pt x="796" y="18"/>
                </a:lnTo>
                <a:lnTo>
                  <a:pt x="820" y="10"/>
                </a:lnTo>
                <a:lnTo>
                  <a:pt x="844" y="5"/>
                </a:lnTo>
                <a:lnTo>
                  <a:pt x="868" y="2"/>
                </a:lnTo>
                <a:lnTo>
                  <a:pt x="893" y="0"/>
                </a:lnTo>
                <a:lnTo>
                  <a:pt x="893" y="0"/>
                </a:lnTo>
                <a:lnTo>
                  <a:pt x="919" y="2"/>
                </a:lnTo>
                <a:lnTo>
                  <a:pt x="944" y="5"/>
                </a:lnTo>
                <a:lnTo>
                  <a:pt x="968" y="12"/>
                </a:lnTo>
                <a:lnTo>
                  <a:pt x="991" y="20"/>
                </a:lnTo>
                <a:lnTo>
                  <a:pt x="1013" y="30"/>
                </a:lnTo>
                <a:lnTo>
                  <a:pt x="1034" y="43"/>
                </a:lnTo>
                <a:lnTo>
                  <a:pt x="1053" y="58"/>
                </a:lnTo>
                <a:lnTo>
                  <a:pt x="1071" y="74"/>
                </a:lnTo>
                <a:lnTo>
                  <a:pt x="1088" y="91"/>
                </a:lnTo>
                <a:lnTo>
                  <a:pt x="1102" y="111"/>
                </a:lnTo>
                <a:lnTo>
                  <a:pt x="1114" y="132"/>
                </a:lnTo>
                <a:lnTo>
                  <a:pt x="1125" y="154"/>
                </a:lnTo>
                <a:lnTo>
                  <a:pt x="1134" y="177"/>
                </a:lnTo>
                <a:lnTo>
                  <a:pt x="1140" y="201"/>
                </a:lnTo>
                <a:lnTo>
                  <a:pt x="1143" y="226"/>
                </a:lnTo>
                <a:lnTo>
                  <a:pt x="1144" y="252"/>
                </a:lnTo>
                <a:lnTo>
                  <a:pt x="1144" y="252"/>
                </a:lnTo>
                <a:close/>
              </a:path>
            </a:pathLst>
          </a:custGeom>
          <a:solidFill>
            <a:schemeClr val="accent5"/>
          </a:solidFill>
          <a:ln>
            <a:noFill/>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2" name="Freeform 10">
            <a:extLst>
              <a:ext uri="{FF2B5EF4-FFF2-40B4-BE49-F238E27FC236}">
                <a16:creationId xmlns:a16="http://schemas.microsoft.com/office/drawing/2014/main" id="{C07E7101-7A13-4625-B34F-1D155C227F57}"/>
              </a:ext>
            </a:extLst>
          </p:cNvPr>
          <p:cNvSpPr>
            <a:spLocks/>
          </p:cNvSpPr>
          <p:nvPr userDrawn="1"/>
        </p:nvSpPr>
        <p:spPr bwMode="auto">
          <a:xfrm>
            <a:off x="6453718" y="3532718"/>
            <a:ext cx="537633" cy="535517"/>
          </a:xfrm>
          <a:custGeom>
            <a:avLst/>
            <a:gdLst>
              <a:gd name="T0" fmla="*/ 506 w 506"/>
              <a:gd name="T1" fmla="*/ 253 h 507"/>
              <a:gd name="T2" fmla="*/ 502 w 506"/>
              <a:gd name="T3" fmla="*/ 304 h 507"/>
              <a:gd name="T4" fmla="*/ 487 w 506"/>
              <a:gd name="T5" fmla="*/ 353 h 507"/>
              <a:gd name="T6" fmla="*/ 464 w 506"/>
              <a:gd name="T7" fmla="*/ 395 h 507"/>
              <a:gd name="T8" fmla="*/ 433 w 506"/>
              <a:gd name="T9" fmla="*/ 433 h 507"/>
              <a:gd name="T10" fmla="*/ 395 w 506"/>
              <a:gd name="T11" fmla="*/ 463 h 507"/>
              <a:gd name="T12" fmla="*/ 352 w 506"/>
              <a:gd name="T13" fmla="*/ 487 h 507"/>
              <a:gd name="T14" fmla="*/ 305 w 506"/>
              <a:gd name="T15" fmla="*/ 502 h 507"/>
              <a:gd name="T16" fmla="*/ 253 w 506"/>
              <a:gd name="T17" fmla="*/ 507 h 507"/>
              <a:gd name="T18" fmla="*/ 228 w 506"/>
              <a:gd name="T19" fmla="*/ 506 h 507"/>
              <a:gd name="T20" fmla="*/ 178 w 506"/>
              <a:gd name="T21" fmla="*/ 495 h 507"/>
              <a:gd name="T22" fmla="*/ 132 w 506"/>
              <a:gd name="T23" fmla="*/ 476 h 507"/>
              <a:gd name="T24" fmla="*/ 92 w 506"/>
              <a:gd name="T25" fmla="*/ 449 h 507"/>
              <a:gd name="T26" fmla="*/ 57 w 506"/>
              <a:gd name="T27" fmla="*/ 415 h 507"/>
              <a:gd name="T28" fmla="*/ 31 w 506"/>
              <a:gd name="T29" fmla="*/ 374 h 507"/>
              <a:gd name="T30" fmla="*/ 11 w 506"/>
              <a:gd name="T31" fmla="*/ 328 h 507"/>
              <a:gd name="T32" fmla="*/ 1 w 506"/>
              <a:gd name="T33" fmla="*/ 279 h 507"/>
              <a:gd name="T34" fmla="*/ 0 w 506"/>
              <a:gd name="T35" fmla="*/ 253 h 507"/>
              <a:gd name="T36" fmla="*/ 5 w 506"/>
              <a:gd name="T37" fmla="*/ 203 h 507"/>
              <a:gd name="T38" fmla="*/ 19 w 506"/>
              <a:gd name="T39" fmla="*/ 154 h 507"/>
              <a:gd name="T40" fmla="*/ 43 w 506"/>
              <a:gd name="T41" fmla="*/ 112 h 507"/>
              <a:gd name="T42" fmla="*/ 74 w 506"/>
              <a:gd name="T43" fmla="*/ 74 h 507"/>
              <a:gd name="T44" fmla="*/ 111 w 506"/>
              <a:gd name="T45" fmla="*/ 43 h 507"/>
              <a:gd name="T46" fmla="*/ 155 w 506"/>
              <a:gd name="T47" fmla="*/ 20 h 507"/>
              <a:gd name="T48" fmla="*/ 202 w 506"/>
              <a:gd name="T49" fmla="*/ 5 h 507"/>
              <a:gd name="T50" fmla="*/ 253 w 506"/>
              <a:gd name="T51" fmla="*/ 0 h 507"/>
              <a:gd name="T52" fmla="*/ 279 w 506"/>
              <a:gd name="T53" fmla="*/ 1 h 507"/>
              <a:gd name="T54" fmla="*/ 329 w 506"/>
              <a:gd name="T55" fmla="*/ 11 h 507"/>
              <a:gd name="T56" fmla="*/ 374 w 506"/>
              <a:gd name="T57" fmla="*/ 30 h 507"/>
              <a:gd name="T58" fmla="*/ 414 w 506"/>
              <a:gd name="T59" fmla="*/ 58 h 507"/>
              <a:gd name="T60" fmla="*/ 449 w 506"/>
              <a:gd name="T61" fmla="*/ 92 h 507"/>
              <a:gd name="T62" fmla="*/ 476 w 506"/>
              <a:gd name="T63" fmla="*/ 132 h 507"/>
              <a:gd name="T64" fmla="*/ 495 w 506"/>
              <a:gd name="T65" fmla="*/ 177 h 507"/>
              <a:gd name="T66" fmla="*/ 505 w 506"/>
              <a:gd name="T67" fmla="*/ 227 h 507"/>
              <a:gd name="T68" fmla="*/ 506 w 506"/>
              <a:gd name="T69" fmla="*/ 253 h 50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6" h="507">
                <a:moveTo>
                  <a:pt x="506" y="253"/>
                </a:moveTo>
                <a:lnTo>
                  <a:pt x="506" y="253"/>
                </a:lnTo>
                <a:lnTo>
                  <a:pt x="505" y="279"/>
                </a:lnTo>
                <a:lnTo>
                  <a:pt x="502" y="304"/>
                </a:lnTo>
                <a:lnTo>
                  <a:pt x="495" y="328"/>
                </a:lnTo>
                <a:lnTo>
                  <a:pt x="487" y="353"/>
                </a:lnTo>
                <a:lnTo>
                  <a:pt x="476" y="374"/>
                </a:lnTo>
                <a:lnTo>
                  <a:pt x="464" y="395"/>
                </a:lnTo>
                <a:lnTo>
                  <a:pt x="449" y="415"/>
                </a:lnTo>
                <a:lnTo>
                  <a:pt x="433" y="433"/>
                </a:lnTo>
                <a:lnTo>
                  <a:pt x="414" y="449"/>
                </a:lnTo>
                <a:lnTo>
                  <a:pt x="395" y="463"/>
                </a:lnTo>
                <a:lnTo>
                  <a:pt x="374" y="476"/>
                </a:lnTo>
                <a:lnTo>
                  <a:pt x="352" y="487"/>
                </a:lnTo>
                <a:lnTo>
                  <a:pt x="329" y="495"/>
                </a:lnTo>
                <a:lnTo>
                  <a:pt x="305" y="502"/>
                </a:lnTo>
                <a:lnTo>
                  <a:pt x="279" y="506"/>
                </a:lnTo>
                <a:lnTo>
                  <a:pt x="253" y="507"/>
                </a:lnTo>
                <a:lnTo>
                  <a:pt x="253" y="507"/>
                </a:lnTo>
                <a:lnTo>
                  <a:pt x="228" y="506"/>
                </a:lnTo>
                <a:lnTo>
                  <a:pt x="202" y="502"/>
                </a:lnTo>
                <a:lnTo>
                  <a:pt x="178" y="495"/>
                </a:lnTo>
                <a:lnTo>
                  <a:pt x="155" y="487"/>
                </a:lnTo>
                <a:lnTo>
                  <a:pt x="132" y="476"/>
                </a:lnTo>
                <a:lnTo>
                  <a:pt x="111" y="463"/>
                </a:lnTo>
                <a:lnTo>
                  <a:pt x="92" y="449"/>
                </a:lnTo>
                <a:lnTo>
                  <a:pt x="74" y="433"/>
                </a:lnTo>
                <a:lnTo>
                  <a:pt x="57" y="415"/>
                </a:lnTo>
                <a:lnTo>
                  <a:pt x="43" y="395"/>
                </a:lnTo>
                <a:lnTo>
                  <a:pt x="31" y="374"/>
                </a:lnTo>
                <a:lnTo>
                  <a:pt x="19" y="353"/>
                </a:lnTo>
                <a:lnTo>
                  <a:pt x="11" y="328"/>
                </a:lnTo>
                <a:lnTo>
                  <a:pt x="5" y="304"/>
                </a:lnTo>
                <a:lnTo>
                  <a:pt x="1" y="279"/>
                </a:lnTo>
                <a:lnTo>
                  <a:pt x="0" y="253"/>
                </a:lnTo>
                <a:lnTo>
                  <a:pt x="0" y="253"/>
                </a:lnTo>
                <a:lnTo>
                  <a:pt x="1" y="227"/>
                </a:lnTo>
                <a:lnTo>
                  <a:pt x="5" y="203"/>
                </a:lnTo>
                <a:lnTo>
                  <a:pt x="11" y="177"/>
                </a:lnTo>
                <a:lnTo>
                  <a:pt x="19" y="154"/>
                </a:lnTo>
                <a:lnTo>
                  <a:pt x="31" y="132"/>
                </a:lnTo>
                <a:lnTo>
                  <a:pt x="43" y="112"/>
                </a:lnTo>
                <a:lnTo>
                  <a:pt x="57" y="92"/>
                </a:lnTo>
                <a:lnTo>
                  <a:pt x="74" y="74"/>
                </a:lnTo>
                <a:lnTo>
                  <a:pt x="92" y="58"/>
                </a:lnTo>
                <a:lnTo>
                  <a:pt x="111" y="43"/>
                </a:lnTo>
                <a:lnTo>
                  <a:pt x="132" y="30"/>
                </a:lnTo>
                <a:lnTo>
                  <a:pt x="155" y="20"/>
                </a:lnTo>
                <a:lnTo>
                  <a:pt x="178" y="11"/>
                </a:lnTo>
                <a:lnTo>
                  <a:pt x="202" y="5"/>
                </a:lnTo>
                <a:lnTo>
                  <a:pt x="228" y="1"/>
                </a:lnTo>
                <a:lnTo>
                  <a:pt x="253" y="0"/>
                </a:lnTo>
                <a:lnTo>
                  <a:pt x="253" y="0"/>
                </a:lnTo>
                <a:lnTo>
                  <a:pt x="279" y="1"/>
                </a:lnTo>
                <a:lnTo>
                  <a:pt x="305" y="5"/>
                </a:lnTo>
                <a:lnTo>
                  <a:pt x="329" y="11"/>
                </a:lnTo>
                <a:lnTo>
                  <a:pt x="352" y="20"/>
                </a:lnTo>
                <a:lnTo>
                  <a:pt x="374" y="30"/>
                </a:lnTo>
                <a:lnTo>
                  <a:pt x="395" y="43"/>
                </a:lnTo>
                <a:lnTo>
                  <a:pt x="414" y="58"/>
                </a:lnTo>
                <a:lnTo>
                  <a:pt x="433" y="74"/>
                </a:lnTo>
                <a:lnTo>
                  <a:pt x="449" y="92"/>
                </a:lnTo>
                <a:lnTo>
                  <a:pt x="464" y="112"/>
                </a:lnTo>
                <a:lnTo>
                  <a:pt x="476" y="132"/>
                </a:lnTo>
                <a:lnTo>
                  <a:pt x="487" y="154"/>
                </a:lnTo>
                <a:lnTo>
                  <a:pt x="495" y="177"/>
                </a:lnTo>
                <a:lnTo>
                  <a:pt x="502" y="203"/>
                </a:lnTo>
                <a:lnTo>
                  <a:pt x="505" y="227"/>
                </a:lnTo>
                <a:lnTo>
                  <a:pt x="506" y="253"/>
                </a:lnTo>
                <a:lnTo>
                  <a:pt x="506" y="253"/>
                </a:lnTo>
                <a:close/>
              </a:path>
            </a:pathLst>
          </a:custGeom>
          <a:solidFill>
            <a:srgbClr val="49CFAE"/>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3" name="Freeform 11">
            <a:extLst>
              <a:ext uri="{FF2B5EF4-FFF2-40B4-BE49-F238E27FC236}">
                <a16:creationId xmlns:a16="http://schemas.microsoft.com/office/drawing/2014/main" id="{0923C9C6-475A-4CAA-AA41-017C9F469021}"/>
              </a:ext>
            </a:extLst>
          </p:cNvPr>
          <p:cNvSpPr>
            <a:spLocks/>
          </p:cNvSpPr>
          <p:nvPr userDrawn="1"/>
        </p:nvSpPr>
        <p:spPr bwMode="auto">
          <a:xfrm>
            <a:off x="6809317" y="3873502"/>
            <a:ext cx="33867" cy="38100"/>
          </a:xfrm>
          <a:custGeom>
            <a:avLst/>
            <a:gdLst>
              <a:gd name="T0" fmla="*/ 31 w 31"/>
              <a:gd name="T1" fmla="*/ 17 h 34"/>
              <a:gd name="T2" fmla="*/ 31 w 31"/>
              <a:gd name="T3" fmla="*/ 17 h 34"/>
              <a:gd name="T4" fmla="*/ 31 w 31"/>
              <a:gd name="T5" fmla="*/ 25 h 34"/>
              <a:gd name="T6" fmla="*/ 30 w 31"/>
              <a:gd name="T7" fmla="*/ 28 h 34"/>
              <a:gd name="T8" fmla="*/ 27 w 31"/>
              <a:gd name="T9" fmla="*/ 31 h 34"/>
              <a:gd name="T10" fmla="*/ 27 w 31"/>
              <a:gd name="T11" fmla="*/ 31 h 34"/>
              <a:gd name="T12" fmla="*/ 26 w 31"/>
              <a:gd name="T13" fmla="*/ 32 h 34"/>
              <a:gd name="T14" fmla="*/ 23 w 31"/>
              <a:gd name="T15" fmla="*/ 33 h 34"/>
              <a:gd name="T16" fmla="*/ 16 w 31"/>
              <a:gd name="T17" fmla="*/ 34 h 34"/>
              <a:gd name="T18" fmla="*/ 16 w 31"/>
              <a:gd name="T19" fmla="*/ 34 h 34"/>
              <a:gd name="T20" fmla="*/ 8 w 31"/>
              <a:gd name="T21" fmla="*/ 33 h 34"/>
              <a:gd name="T22" fmla="*/ 3 w 31"/>
              <a:gd name="T23" fmla="*/ 31 h 34"/>
              <a:gd name="T24" fmla="*/ 3 w 31"/>
              <a:gd name="T25" fmla="*/ 31 h 34"/>
              <a:gd name="T26" fmla="*/ 2 w 31"/>
              <a:gd name="T27" fmla="*/ 28 h 34"/>
              <a:gd name="T28" fmla="*/ 1 w 31"/>
              <a:gd name="T29" fmla="*/ 25 h 34"/>
              <a:gd name="T30" fmla="*/ 0 w 31"/>
              <a:gd name="T31" fmla="*/ 17 h 34"/>
              <a:gd name="T32" fmla="*/ 0 w 31"/>
              <a:gd name="T33" fmla="*/ 17 h 34"/>
              <a:gd name="T34" fmla="*/ 1 w 31"/>
              <a:gd name="T35" fmla="*/ 8 h 34"/>
              <a:gd name="T36" fmla="*/ 2 w 31"/>
              <a:gd name="T37" fmla="*/ 5 h 34"/>
              <a:gd name="T38" fmla="*/ 3 w 31"/>
              <a:gd name="T39" fmla="*/ 3 h 34"/>
              <a:gd name="T40" fmla="*/ 3 w 31"/>
              <a:gd name="T41" fmla="*/ 3 h 34"/>
              <a:gd name="T42" fmla="*/ 6 w 31"/>
              <a:gd name="T43" fmla="*/ 2 h 34"/>
              <a:gd name="T44" fmla="*/ 8 w 31"/>
              <a:gd name="T45" fmla="*/ 1 h 34"/>
              <a:gd name="T46" fmla="*/ 16 w 31"/>
              <a:gd name="T47" fmla="*/ 0 h 34"/>
              <a:gd name="T48" fmla="*/ 16 w 31"/>
              <a:gd name="T49" fmla="*/ 0 h 34"/>
              <a:gd name="T50" fmla="*/ 23 w 31"/>
              <a:gd name="T51" fmla="*/ 1 h 34"/>
              <a:gd name="T52" fmla="*/ 27 w 31"/>
              <a:gd name="T53" fmla="*/ 3 h 34"/>
              <a:gd name="T54" fmla="*/ 27 w 31"/>
              <a:gd name="T55" fmla="*/ 3 h 34"/>
              <a:gd name="T56" fmla="*/ 30 w 31"/>
              <a:gd name="T57" fmla="*/ 5 h 34"/>
              <a:gd name="T58" fmla="*/ 31 w 31"/>
              <a:gd name="T59" fmla="*/ 8 h 34"/>
              <a:gd name="T60" fmla="*/ 31 w 31"/>
              <a:gd name="T61" fmla="*/ 17 h 34"/>
              <a:gd name="T62" fmla="*/ 31 w 31"/>
              <a:gd name="T63" fmla="*/ 17 h 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31" h="34">
                <a:moveTo>
                  <a:pt x="31" y="17"/>
                </a:moveTo>
                <a:lnTo>
                  <a:pt x="31" y="17"/>
                </a:lnTo>
                <a:lnTo>
                  <a:pt x="31" y="25"/>
                </a:lnTo>
                <a:lnTo>
                  <a:pt x="30" y="28"/>
                </a:lnTo>
                <a:lnTo>
                  <a:pt x="27" y="31"/>
                </a:lnTo>
                <a:lnTo>
                  <a:pt x="27" y="31"/>
                </a:lnTo>
                <a:lnTo>
                  <a:pt x="26" y="32"/>
                </a:lnTo>
                <a:lnTo>
                  <a:pt x="23" y="33"/>
                </a:lnTo>
                <a:lnTo>
                  <a:pt x="16" y="34"/>
                </a:lnTo>
                <a:lnTo>
                  <a:pt x="16" y="34"/>
                </a:lnTo>
                <a:lnTo>
                  <a:pt x="8" y="33"/>
                </a:lnTo>
                <a:lnTo>
                  <a:pt x="3" y="31"/>
                </a:lnTo>
                <a:lnTo>
                  <a:pt x="3" y="31"/>
                </a:lnTo>
                <a:lnTo>
                  <a:pt x="2" y="28"/>
                </a:lnTo>
                <a:lnTo>
                  <a:pt x="1" y="25"/>
                </a:lnTo>
                <a:lnTo>
                  <a:pt x="0" y="17"/>
                </a:lnTo>
                <a:lnTo>
                  <a:pt x="0" y="17"/>
                </a:lnTo>
                <a:lnTo>
                  <a:pt x="1" y="8"/>
                </a:lnTo>
                <a:lnTo>
                  <a:pt x="2" y="5"/>
                </a:lnTo>
                <a:lnTo>
                  <a:pt x="3" y="3"/>
                </a:lnTo>
                <a:lnTo>
                  <a:pt x="3" y="3"/>
                </a:lnTo>
                <a:lnTo>
                  <a:pt x="6" y="2"/>
                </a:lnTo>
                <a:lnTo>
                  <a:pt x="8" y="1"/>
                </a:lnTo>
                <a:lnTo>
                  <a:pt x="16" y="0"/>
                </a:lnTo>
                <a:lnTo>
                  <a:pt x="16" y="0"/>
                </a:lnTo>
                <a:lnTo>
                  <a:pt x="23" y="1"/>
                </a:lnTo>
                <a:lnTo>
                  <a:pt x="27" y="3"/>
                </a:lnTo>
                <a:lnTo>
                  <a:pt x="27" y="3"/>
                </a:lnTo>
                <a:lnTo>
                  <a:pt x="30" y="5"/>
                </a:lnTo>
                <a:lnTo>
                  <a:pt x="31" y="8"/>
                </a:lnTo>
                <a:lnTo>
                  <a:pt x="31" y="17"/>
                </a:lnTo>
                <a:lnTo>
                  <a:pt x="31" y="17"/>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4" name="Freeform 12">
            <a:extLst>
              <a:ext uri="{FF2B5EF4-FFF2-40B4-BE49-F238E27FC236}">
                <a16:creationId xmlns:a16="http://schemas.microsoft.com/office/drawing/2014/main" id="{D71F65A0-990B-41AA-91ED-A3C520260212}"/>
              </a:ext>
            </a:extLst>
          </p:cNvPr>
          <p:cNvSpPr>
            <a:spLocks/>
          </p:cNvSpPr>
          <p:nvPr userDrawn="1"/>
        </p:nvSpPr>
        <p:spPr bwMode="auto">
          <a:xfrm>
            <a:off x="6654801" y="3704168"/>
            <a:ext cx="127000" cy="205317"/>
          </a:xfrm>
          <a:custGeom>
            <a:avLst/>
            <a:gdLst>
              <a:gd name="T0" fmla="*/ 39 w 118"/>
              <a:gd name="T1" fmla="*/ 194 h 195"/>
              <a:gd name="T2" fmla="*/ 9 w 118"/>
              <a:gd name="T3" fmla="*/ 186 h 195"/>
              <a:gd name="T4" fmla="*/ 2 w 118"/>
              <a:gd name="T5" fmla="*/ 180 h 195"/>
              <a:gd name="T6" fmla="*/ 0 w 118"/>
              <a:gd name="T7" fmla="*/ 168 h 195"/>
              <a:gd name="T8" fmla="*/ 3 w 118"/>
              <a:gd name="T9" fmla="*/ 160 h 195"/>
              <a:gd name="T10" fmla="*/ 9 w 118"/>
              <a:gd name="T11" fmla="*/ 162 h 195"/>
              <a:gd name="T12" fmla="*/ 34 w 118"/>
              <a:gd name="T13" fmla="*/ 172 h 195"/>
              <a:gd name="T14" fmla="*/ 64 w 118"/>
              <a:gd name="T15" fmla="*/ 173 h 195"/>
              <a:gd name="T16" fmla="*/ 87 w 118"/>
              <a:gd name="T17" fmla="*/ 159 h 195"/>
              <a:gd name="T18" fmla="*/ 92 w 118"/>
              <a:gd name="T19" fmla="*/ 147 h 195"/>
              <a:gd name="T20" fmla="*/ 92 w 118"/>
              <a:gd name="T21" fmla="*/ 134 h 195"/>
              <a:gd name="T22" fmla="*/ 85 w 118"/>
              <a:gd name="T23" fmla="*/ 119 h 195"/>
              <a:gd name="T24" fmla="*/ 71 w 118"/>
              <a:gd name="T25" fmla="*/ 110 h 195"/>
              <a:gd name="T26" fmla="*/ 56 w 118"/>
              <a:gd name="T27" fmla="*/ 106 h 195"/>
              <a:gd name="T28" fmla="*/ 25 w 118"/>
              <a:gd name="T29" fmla="*/ 105 h 195"/>
              <a:gd name="T30" fmla="*/ 19 w 118"/>
              <a:gd name="T31" fmla="*/ 99 h 195"/>
              <a:gd name="T32" fmla="*/ 19 w 118"/>
              <a:gd name="T33" fmla="*/ 91 h 195"/>
              <a:gd name="T34" fmla="*/ 25 w 118"/>
              <a:gd name="T35" fmla="*/ 86 h 195"/>
              <a:gd name="T36" fmla="*/ 51 w 118"/>
              <a:gd name="T37" fmla="*/ 84 h 195"/>
              <a:gd name="T38" fmla="*/ 64 w 118"/>
              <a:gd name="T39" fmla="*/ 81 h 195"/>
              <a:gd name="T40" fmla="*/ 77 w 118"/>
              <a:gd name="T41" fmla="*/ 71 h 195"/>
              <a:gd name="T42" fmla="*/ 82 w 118"/>
              <a:gd name="T43" fmla="*/ 56 h 195"/>
              <a:gd name="T44" fmla="*/ 81 w 118"/>
              <a:gd name="T45" fmla="*/ 41 h 195"/>
              <a:gd name="T46" fmla="*/ 68 w 118"/>
              <a:gd name="T47" fmla="*/ 24 h 195"/>
              <a:gd name="T48" fmla="*/ 44 w 118"/>
              <a:gd name="T49" fmla="*/ 22 h 195"/>
              <a:gd name="T50" fmla="*/ 24 w 118"/>
              <a:gd name="T51" fmla="*/ 29 h 195"/>
              <a:gd name="T52" fmla="*/ 9 w 118"/>
              <a:gd name="T53" fmla="*/ 37 h 195"/>
              <a:gd name="T54" fmla="*/ 6 w 118"/>
              <a:gd name="T55" fmla="*/ 36 h 195"/>
              <a:gd name="T56" fmla="*/ 5 w 118"/>
              <a:gd name="T57" fmla="*/ 27 h 195"/>
              <a:gd name="T58" fmla="*/ 6 w 118"/>
              <a:gd name="T59" fmla="*/ 18 h 195"/>
              <a:gd name="T60" fmla="*/ 15 w 118"/>
              <a:gd name="T61" fmla="*/ 12 h 195"/>
              <a:gd name="T62" fmla="*/ 51 w 118"/>
              <a:gd name="T63" fmla="*/ 0 h 195"/>
              <a:gd name="T64" fmla="*/ 85 w 118"/>
              <a:gd name="T65" fmla="*/ 6 h 195"/>
              <a:gd name="T66" fmla="*/ 100 w 118"/>
              <a:gd name="T67" fmla="*/ 16 h 195"/>
              <a:gd name="T68" fmla="*/ 107 w 118"/>
              <a:gd name="T69" fmla="*/ 28 h 195"/>
              <a:gd name="T70" fmla="*/ 109 w 118"/>
              <a:gd name="T71" fmla="*/ 57 h 195"/>
              <a:gd name="T72" fmla="*/ 95 w 118"/>
              <a:gd name="T73" fmla="*/ 83 h 195"/>
              <a:gd name="T74" fmla="*/ 80 w 118"/>
              <a:gd name="T75" fmla="*/ 91 h 195"/>
              <a:gd name="T76" fmla="*/ 74 w 118"/>
              <a:gd name="T77" fmla="*/ 94 h 195"/>
              <a:gd name="T78" fmla="*/ 93 w 118"/>
              <a:gd name="T79" fmla="*/ 98 h 195"/>
              <a:gd name="T80" fmla="*/ 108 w 118"/>
              <a:gd name="T81" fmla="*/ 111 h 195"/>
              <a:gd name="T82" fmla="*/ 115 w 118"/>
              <a:gd name="T83" fmla="*/ 121 h 195"/>
              <a:gd name="T84" fmla="*/ 118 w 118"/>
              <a:gd name="T85" fmla="*/ 149 h 195"/>
              <a:gd name="T86" fmla="*/ 111 w 118"/>
              <a:gd name="T87" fmla="*/ 167 h 195"/>
              <a:gd name="T88" fmla="*/ 96 w 118"/>
              <a:gd name="T89" fmla="*/ 183 h 195"/>
              <a:gd name="T90" fmla="*/ 73 w 118"/>
              <a:gd name="T91" fmla="*/ 193 h 195"/>
              <a:gd name="T92" fmla="*/ 51 w 118"/>
              <a:gd name="T93" fmla="*/ 195 h 19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Lst>
            <a:rect l="0" t="0" r="r" b="b"/>
            <a:pathLst>
              <a:path w="118" h="195">
                <a:moveTo>
                  <a:pt x="51" y="195"/>
                </a:moveTo>
                <a:lnTo>
                  <a:pt x="51" y="195"/>
                </a:lnTo>
                <a:lnTo>
                  <a:pt x="39" y="194"/>
                </a:lnTo>
                <a:lnTo>
                  <a:pt x="27" y="193"/>
                </a:lnTo>
                <a:lnTo>
                  <a:pt x="17" y="189"/>
                </a:lnTo>
                <a:lnTo>
                  <a:pt x="9" y="186"/>
                </a:lnTo>
                <a:lnTo>
                  <a:pt x="9" y="186"/>
                </a:lnTo>
                <a:lnTo>
                  <a:pt x="4" y="183"/>
                </a:lnTo>
                <a:lnTo>
                  <a:pt x="2" y="180"/>
                </a:lnTo>
                <a:lnTo>
                  <a:pt x="1" y="177"/>
                </a:lnTo>
                <a:lnTo>
                  <a:pt x="0" y="168"/>
                </a:lnTo>
                <a:lnTo>
                  <a:pt x="0" y="168"/>
                </a:lnTo>
                <a:lnTo>
                  <a:pt x="1" y="163"/>
                </a:lnTo>
                <a:lnTo>
                  <a:pt x="2" y="160"/>
                </a:lnTo>
                <a:lnTo>
                  <a:pt x="3" y="160"/>
                </a:lnTo>
                <a:lnTo>
                  <a:pt x="5" y="160"/>
                </a:lnTo>
                <a:lnTo>
                  <a:pt x="9" y="162"/>
                </a:lnTo>
                <a:lnTo>
                  <a:pt x="9" y="162"/>
                </a:lnTo>
                <a:lnTo>
                  <a:pt x="20" y="167"/>
                </a:lnTo>
                <a:lnTo>
                  <a:pt x="34" y="172"/>
                </a:lnTo>
                <a:lnTo>
                  <a:pt x="34" y="172"/>
                </a:lnTo>
                <a:lnTo>
                  <a:pt x="44" y="174"/>
                </a:lnTo>
                <a:lnTo>
                  <a:pt x="55" y="174"/>
                </a:lnTo>
                <a:lnTo>
                  <a:pt x="64" y="173"/>
                </a:lnTo>
                <a:lnTo>
                  <a:pt x="73" y="171"/>
                </a:lnTo>
                <a:lnTo>
                  <a:pt x="81" y="166"/>
                </a:lnTo>
                <a:lnTo>
                  <a:pt x="87" y="159"/>
                </a:lnTo>
                <a:lnTo>
                  <a:pt x="89" y="156"/>
                </a:lnTo>
                <a:lnTo>
                  <a:pt x="92" y="151"/>
                </a:lnTo>
                <a:lnTo>
                  <a:pt x="92" y="147"/>
                </a:lnTo>
                <a:lnTo>
                  <a:pt x="93" y="141"/>
                </a:lnTo>
                <a:lnTo>
                  <a:pt x="93" y="141"/>
                </a:lnTo>
                <a:lnTo>
                  <a:pt x="92" y="134"/>
                </a:lnTo>
                <a:lnTo>
                  <a:pt x="91" y="129"/>
                </a:lnTo>
                <a:lnTo>
                  <a:pt x="88" y="124"/>
                </a:lnTo>
                <a:lnTo>
                  <a:pt x="85" y="119"/>
                </a:lnTo>
                <a:lnTo>
                  <a:pt x="80" y="115"/>
                </a:lnTo>
                <a:lnTo>
                  <a:pt x="76" y="112"/>
                </a:lnTo>
                <a:lnTo>
                  <a:pt x="71" y="110"/>
                </a:lnTo>
                <a:lnTo>
                  <a:pt x="64" y="107"/>
                </a:lnTo>
                <a:lnTo>
                  <a:pt x="64" y="107"/>
                </a:lnTo>
                <a:lnTo>
                  <a:pt x="56" y="106"/>
                </a:lnTo>
                <a:lnTo>
                  <a:pt x="48" y="105"/>
                </a:lnTo>
                <a:lnTo>
                  <a:pt x="25" y="105"/>
                </a:lnTo>
                <a:lnTo>
                  <a:pt x="25" y="105"/>
                </a:lnTo>
                <a:lnTo>
                  <a:pt x="23" y="104"/>
                </a:lnTo>
                <a:lnTo>
                  <a:pt x="20" y="102"/>
                </a:lnTo>
                <a:lnTo>
                  <a:pt x="19" y="99"/>
                </a:lnTo>
                <a:lnTo>
                  <a:pt x="19" y="95"/>
                </a:lnTo>
                <a:lnTo>
                  <a:pt x="19" y="95"/>
                </a:lnTo>
                <a:lnTo>
                  <a:pt x="19" y="91"/>
                </a:lnTo>
                <a:lnTo>
                  <a:pt x="20" y="89"/>
                </a:lnTo>
                <a:lnTo>
                  <a:pt x="21" y="87"/>
                </a:lnTo>
                <a:lnTo>
                  <a:pt x="25" y="86"/>
                </a:lnTo>
                <a:lnTo>
                  <a:pt x="25" y="86"/>
                </a:lnTo>
                <a:lnTo>
                  <a:pt x="44" y="86"/>
                </a:lnTo>
                <a:lnTo>
                  <a:pt x="51" y="84"/>
                </a:lnTo>
                <a:lnTo>
                  <a:pt x="58" y="83"/>
                </a:lnTo>
                <a:lnTo>
                  <a:pt x="58" y="83"/>
                </a:lnTo>
                <a:lnTo>
                  <a:pt x="64" y="81"/>
                </a:lnTo>
                <a:lnTo>
                  <a:pt x="69" y="77"/>
                </a:lnTo>
                <a:lnTo>
                  <a:pt x="73" y="74"/>
                </a:lnTo>
                <a:lnTo>
                  <a:pt x="77" y="71"/>
                </a:lnTo>
                <a:lnTo>
                  <a:pt x="79" y="66"/>
                </a:lnTo>
                <a:lnTo>
                  <a:pt x="81" y="61"/>
                </a:lnTo>
                <a:lnTo>
                  <a:pt x="82" y="56"/>
                </a:lnTo>
                <a:lnTo>
                  <a:pt x="82" y="50"/>
                </a:lnTo>
                <a:lnTo>
                  <a:pt x="82" y="50"/>
                </a:lnTo>
                <a:lnTo>
                  <a:pt x="81" y="41"/>
                </a:lnTo>
                <a:lnTo>
                  <a:pt x="78" y="34"/>
                </a:lnTo>
                <a:lnTo>
                  <a:pt x="73" y="28"/>
                </a:lnTo>
                <a:lnTo>
                  <a:pt x="68" y="24"/>
                </a:lnTo>
                <a:lnTo>
                  <a:pt x="59" y="22"/>
                </a:lnTo>
                <a:lnTo>
                  <a:pt x="53" y="21"/>
                </a:lnTo>
                <a:lnTo>
                  <a:pt x="44" y="22"/>
                </a:lnTo>
                <a:lnTo>
                  <a:pt x="36" y="23"/>
                </a:lnTo>
                <a:lnTo>
                  <a:pt x="36" y="23"/>
                </a:lnTo>
                <a:lnTo>
                  <a:pt x="24" y="29"/>
                </a:lnTo>
                <a:lnTo>
                  <a:pt x="15" y="35"/>
                </a:lnTo>
                <a:lnTo>
                  <a:pt x="15" y="35"/>
                </a:lnTo>
                <a:lnTo>
                  <a:pt x="9" y="37"/>
                </a:lnTo>
                <a:lnTo>
                  <a:pt x="9" y="37"/>
                </a:lnTo>
                <a:lnTo>
                  <a:pt x="8" y="37"/>
                </a:lnTo>
                <a:lnTo>
                  <a:pt x="6" y="36"/>
                </a:lnTo>
                <a:lnTo>
                  <a:pt x="6" y="36"/>
                </a:lnTo>
                <a:lnTo>
                  <a:pt x="5" y="31"/>
                </a:lnTo>
                <a:lnTo>
                  <a:pt x="5" y="27"/>
                </a:lnTo>
                <a:lnTo>
                  <a:pt x="5" y="27"/>
                </a:lnTo>
                <a:lnTo>
                  <a:pt x="5" y="22"/>
                </a:lnTo>
                <a:lnTo>
                  <a:pt x="6" y="18"/>
                </a:lnTo>
                <a:lnTo>
                  <a:pt x="10" y="15"/>
                </a:lnTo>
                <a:lnTo>
                  <a:pt x="15" y="12"/>
                </a:lnTo>
                <a:lnTo>
                  <a:pt x="15" y="12"/>
                </a:lnTo>
                <a:lnTo>
                  <a:pt x="25" y="6"/>
                </a:lnTo>
                <a:lnTo>
                  <a:pt x="38" y="3"/>
                </a:lnTo>
                <a:lnTo>
                  <a:pt x="51" y="0"/>
                </a:lnTo>
                <a:lnTo>
                  <a:pt x="65" y="0"/>
                </a:lnTo>
                <a:lnTo>
                  <a:pt x="78" y="4"/>
                </a:lnTo>
                <a:lnTo>
                  <a:pt x="85" y="6"/>
                </a:lnTo>
                <a:lnTo>
                  <a:pt x="91" y="8"/>
                </a:lnTo>
                <a:lnTo>
                  <a:pt x="95" y="12"/>
                </a:lnTo>
                <a:lnTo>
                  <a:pt x="100" y="16"/>
                </a:lnTo>
                <a:lnTo>
                  <a:pt x="103" y="22"/>
                </a:lnTo>
                <a:lnTo>
                  <a:pt x="107" y="28"/>
                </a:lnTo>
                <a:lnTo>
                  <a:pt x="107" y="28"/>
                </a:lnTo>
                <a:lnTo>
                  <a:pt x="109" y="37"/>
                </a:lnTo>
                <a:lnTo>
                  <a:pt x="110" y="46"/>
                </a:lnTo>
                <a:lnTo>
                  <a:pt x="109" y="57"/>
                </a:lnTo>
                <a:lnTo>
                  <a:pt x="107" y="67"/>
                </a:lnTo>
                <a:lnTo>
                  <a:pt x="101" y="75"/>
                </a:lnTo>
                <a:lnTo>
                  <a:pt x="95" y="83"/>
                </a:lnTo>
                <a:lnTo>
                  <a:pt x="91" y="87"/>
                </a:lnTo>
                <a:lnTo>
                  <a:pt x="86" y="89"/>
                </a:lnTo>
                <a:lnTo>
                  <a:pt x="80" y="91"/>
                </a:lnTo>
                <a:lnTo>
                  <a:pt x="74" y="92"/>
                </a:lnTo>
                <a:lnTo>
                  <a:pt x="74" y="94"/>
                </a:lnTo>
                <a:lnTo>
                  <a:pt x="74" y="94"/>
                </a:lnTo>
                <a:lnTo>
                  <a:pt x="80" y="95"/>
                </a:lnTo>
                <a:lnTo>
                  <a:pt x="87" y="96"/>
                </a:lnTo>
                <a:lnTo>
                  <a:pt x="93" y="98"/>
                </a:lnTo>
                <a:lnTo>
                  <a:pt x="99" y="102"/>
                </a:lnTo>
                <a:lnTo>
                  <a:pt x="103" y="106"/>
                </a:lnTo>
                <a:lnTo>
                  <a:pt x="108" y="111"/>
                </a:lnTo>
                <a:lnTo>
                  <a:pt x="112" y="115"/>
                </a:lnTo>
                <a:lnTo>
                  <a:pt x="115" y="121"/>
                </a:lnTo>
                <a:lnTo>
                  <a:pt x="115" y="121"/>
                </a:lnTo>
                <a:lnTo>
                  <a:pt x="118" y="132"/>
                </a:lnTo>
                <a:lnTo>
                  <a:pt x="118" y="143"/>
                </a:lnTo>
                <a:lnTo>
                  <a:pt x="118" y="149"/>
                </a:lnTo>
                <a:lnTo>
                  <a:pt x="116" y="155"/>
                </a:lnTo>
                <a:lnTo>
                  <a:pt x="114" y="162"/>
                </a:lnTo>
                <a:lnTo>
                  <a:pt x="111" y="167"/>
                </a:lnTo>
                <a:lnTo>
                  <a:pt x="108" y="173"/>
                </a:lnTo>
                <a:lnTo>
                  <a:pt x="102" y="178"/>
                </a:lnTo>
                <a:lnTo>
                  <a:pt x="96" y="183"/>
                </a:lnTo>
                <a:lnTo>
                  <a:pt x="91" y="187"/>
                </a:lnTo>
                <a:lnTo>
                  <a:pt x="82" y="190"/>
                </a:lnTo>
                <a:lnTo>
                  <a:pt x="73" y="193"/>
                </a:lnTo>
                <a:lnTo>
                  <a:pt x="63" y="195"/>
                </a:lnTo>
                <a:lnTo>
                  <a:pt x="51" y="195"/>
                </a:lnTo>
                <a:lnTo>
                  <a:pt x="51" y="195"/>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5" name="Freeform 13">
            <a:extLst>
              <a:ext uri="{FF2B5EF4-FFF2-40B4-BE49-F238E27FC236}">
                <a16:creationId xmlns:a16="http://schemas.microsoft.com/office/drawing/2014/main" id="{202A2380-B89B-4A20-8A7B-3B6192850C57}"/>
              </a:ext>
            </a:extLst>
          </p:cNvPr>
          <p:cNvSpPr>
            <a:spLocks/>
          </p:cNvSpPr>
          <p:nvPr userDrawn="1"/>
        </p:nvSpPr>
        <p:spPr bwMode="auto">
          <a:xfrm>
            <a:off x="4766735" y="2679702"/>
            <a:ext cx="531284" cy="531284"/>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rgbClr val="FFCE5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6" name="Freeform 14">
            <a:extLst>
              <a:ext uri="{FF2B5EF4-FFF2-40B4-BE49-F238E27FC236}">
                <a16:creationId xmlns:a16="http://schemas.microsoft.com/office/drawing/2014/main" id="{7A7C327E-F748-45DE-9B98-D690272B64B8}"/>
              </a:ext>
            </a:extLst>
          </p:cNvPr>
          <p:cNvSpPr>
            <a:spLocks/>
          </p:cNvSpPr>
          <p:nvPr userDrawn="1"/>
        </p:nvSpPr>
        <p:spPr bwMode="auto">
          <a:xfrm>
            <a:off x="6462185" y="1780118"/>
            <a:ext cx="539751" cy="537633"/>
          </a:xfrm>
          <a:custGeom>
            <a:avLst/>
            <a:gdLst>
              <a:gd name="T0" fmla="*/ 509 w 509"/>
              <a:gd name="T1" fmla="*/ 255 h 509"/>
              <a:gd name="T2" fmla="*/ 503 w 509"/>
              <a:gd name="T3" fmla="*/ 305 h 509"/>
              <a:gd name="T4" fmla="*/ 489 w 509"/>
              <a:gd name="T5" fmla="*/ 354 h 509"/>
              <a:gd name="T6" fmla="*/ 465 w 509"/>
              <a:gd name="T7" fmla="*/ 396 h 509"/>
              <a:gd name="T8" fmla="*/ 434 w 509"/>
              <a:gd name="T9" fmla="*/ 434 h 509"/>
              <a:gd name="T10" fmla="*/ 397 w 509"/>
              <a:gd name="T11" fmla="*/ 466 h 509"/>
              <a:gd name="T12" fmla="*/ 353 w 509"/>
              <a:gd name="T13" fmla="*/ 489 h 509"/>
              <a:gd name="T14" fmla="*/ 306 w 509"/>
              <a:gd name="T15" fmla="*/ 504 h 509"/>
              <a:gd name="T16" fmla="*/ 254 w 509"/>
              <a:gd name="T17" fmla="*/ 509 h 509"/>
              <a:gd name="T18" fmla="*/ 228 w 509"/>
              <a:gd name="T19" fmla="*/ 508 h 509"/>
              <a:gd name="T20" fmla="*/ 178 w 509"/>
              <a:gd name="T21" fmla="*/ 498 h 509"/>
              <a:gd name="T22" fmla="*/ 133 w 509"/>
              <a:gd name="T23" fmla="*/ 478 h 509"/>
              <a:gd name="T24" fmla="*/ 92 w 509"/>
              <a:gd name="T25" fmla="*/ 451 h 509"/>
              <a:gd name="T26" fmla="*/ 57 w 509"/>
              <a:gd name="T27" fmla="*/ 416 h 509"/>
              <a:gd name="T28" fmla="*/ 31 w 509"/>
              <a:gd name="T29" fmla="*/ 376 h 509"/>
              <a:gd name="T30" fmla="*/ 11 w 509"/>
              <a:gd name="T31" fmla="*/ 331 h 509"/>
              <a:gd name="T32" fmla="*/ 1 w 509"/>
              <a:gd name="T33" fmla="*/ 280 h 509"/>
              <a:gd name="T34" fmla="*/ 0 w 509"/>
              <a:gd name="T35" fmla="*/ 255 h 509"/>
              <a:gd name="T36" fmla="*/ 4 w 509"/>
              <a:gd name="T37" fmla="*/ 203 h 509"/>
              <a:gd name="T38" fmla="*/ 19 w 509"/>
              <a:gd name="T39" fmla="*/ 156 h 509"/>
              <a:gd name="T40" fmla="*/ 43 w 509"/>
              <a:gd name="T41" fmla="*/ 112 h 509"/>
              <a:gd name="T42" fmla="*/ 74 w 509"/>
              <a:gd name="T43" fmla="*/ 75 h 509"/>
              <a:gd name="T44" fmla="*/ 111 w 509"/>
              <a:gd name="T45" fmla="*/ 44 h 509"/>
              <a:gd name="T46" fmla="*/ 155 w 509"/>
              <a:gd name="T47" fmla="*/ 20 h 509"/>
              <a:gd name="T48" fmla="*/ 202 w 509"/>
              <a:gd name="T49" fmla="*/ 5 h 509"/>
              <a:gd name="T50" fmla="*/ 254 w 509"/>
              <a:gd name="T51" fmla="*/ 0 h 509"/>
              <a:gd name="T52" fmla="*/ 281 w 509"/>
              <a:gd name="T53" fmla="*/ 1 h 509"/>
              <a:gd name="T54" fmla="*/ 330 w 509"/>
              <a:gd name="T55" fmla="*/ 12 h 509"/>
              <a:gd name="T56" fmla="*/ 375 w 509"/>
              <a:gd name="T57" fmla="*/ 30 h 509"/>
              <a:gd name="T58" fmla="*/ 417 w 509"/>
              <a:gd name="T59" fmla="*/ 58 h 509"/>
              <a:gd name="T60" fmla="*/ 451 w 509"/>
              <a:gd name="T61" fmla="*/ 92 h 509"/>
              <a:gd name="T62" fmla="*/ 478 w 509"/>
              <a:gd name="T63" fmla="*/ 133 h 509"/>
              <a:gd name="T64" fmla="*/ 497 w 509"/>
              <a:gd name="T65" fmla="*/ 179 h 509"/>
              <a:gd name="T66" fmla="*/ 507 w 509"/>
              <a:gd name="T67" fmla="*/ 228 h 509"/>
              <a:gd name="T68" fmla="*/ 509 w 509"/>
              <a:gd name="T69" fmla="*/ 255 h 50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9" h="509">
                <a:moveTo>
                  <a:pt x="509" y="255"/>
                </a:moveTo>
                <a:lnTo>
                  <a:pt x="509" y="255"/>
                </a:lnTo>
                <a:lnTo>
                  <a:pt x="507" y="280"/>
                </a:lnTo>
                <a:lnTo>
                  <a:pt x="503" y="305"/>
                </a:lnTo>
                <a:lnTo>
                  <a:pt x="497" y="331"/>
                </a:lnTo>
                <a:lnTo>
                  <a:pt x="489" y="354"/>
                </a:lnTo>
                <a:lnTo>
                  <a:pt x="478" y="376"/>
                </a:lnTo>
                <a:lnTo>
                  <a:pt x="465" y="396"/>
                </a:lnTo>
                <a:lnTo>
                  <a:pt x="451" y="416"/>
                </a:lnTo>
                <a:lnTo>
                  <a:pt x="434" y="434"/>
                </a:lnTo>
                <a:lnTo>
                  <a:pt x="417" y="451"/>
                </a:lnTo>
                <a:lnTo>
                  <a:pt x="397" y="466"/>
                </a:lnTo>
                <a:lnTo>
                  <a:pt x="375" y="478"/>
                </a:lnTo>
                <a:lnTo>
                  <a:pt x="353" y="489"/>
                </a:lnTo>
                <a:lnTo>
                  <a:pt x="330" y="498"/>
                </a:lnTo>
                <a:lnTo>
                  <a:pt x="306" y="504"/>
                </a:lnTo>
                <a:lnTo>
                  <a:pt x="281" y="508"/>
                </a:lnTo>
                <a:lnTo>
                  <a:pt x="254" y="509"/>
                </a:lnTo>
                <a:lnTo>
                  <a:pt x="254" y="509"/>
                </a:lnTo>
                <a:lnTo>
                  <a:pt x="228" y="508"/>
                </a:lnTo>
                <a:lnTo>
                  <a:pt x="202" y="504"/>
                </a:lnTo>
                <a:lnTo>
                  <a:pt x="178" y="498"/>
                </a:lnTo>
                <a:lnTo>
                  <a:pt x="155" y="489"/>
                </a:lnTo>
                <a:lnTo>
                  <a:pt x="133" y="478"/>
                </a:lnTo>
                <a:lnTo>
                  <a:pt x="111" y="466"/>
                </a:lnTo>
                <a:lnTo>
                  <a:pt x="92" y="451"/>
                </a:lnTo>
                <a:lnTo>
                  <a:pt x="74" y="434"/>
                </a:lnTo>
                <a:lnTo>
                  <a:pt x="57" y="416"/>
                </a:lnTo>
                <a:lnTo>
                  <a:pt x="43" y="396"/>
                </a:lnTo>
                <a:lnTo>
                  <a:pt x="31" y="376"/>
                </a:lnTo>
                <a:lnTo>
                  <a:pt x="19" y="354"/>
                </a:lnTo>
                <a:lnTo>
                  <a:pt x="11" y="331"/>
                </a:lnTo>
                <a:lnTo>
                  <a:pt x="4" y="305"/>
                </a:lnTo>
                <a:lnTo>
                  <a:pt x="1" y="280"/>
                </a:lnTo>
                <a:lnTo>
                  <a:pt x="0" y="255"/>
                </a:lnTo>
                <a:lnTo>
                  <a:pt x="0" y="255"/>
                </a:lnTo>
                <a:lnTo>
                  <a:pt x="1" y="228"/>
                </a:lnTo>
                <a:lnTo>
                  <a:pt x="4" y="203"/>
                </a:lnTo>
                <a:lnTo>
                  <a:pt x="11" y="179"/>
                </a:lnTo>
                <a:lnTo>
                  <a:pt x="19" y="156"/>
                </a:lnTo>
                <a:lnTo>
                  <a:pt x="31" y="133"/>
                </a:lnTo>
                <a:lnTo>
                  <a:pt x="43" y="112"/>
                </a:lnTo>
                <a:lnTo>
                  <a:pt x="57" y="92"/>
                </a:lnTo>
                <a:lnTo>
                  <a:pt x="74" y="75"/>
                </a:lnTo>
                <a:lnTo>
                  <a:pt x="92" y="58"/>
                </a:lnTo>
                <a:lnTo>
                  <a:pt x="111" y="44"/>
                </a:lnTo>
                <a:lnTo>
                  <a:pt x="133" y="30"/>
                </a:lnTo>
                <a:lnTo>
                  <a:pt x="155" y="20"/>
                </a:lnTo>
                <a:lnTo>
                  <a:pt x="178" y="12"/>
                </a:lnTo>
                <a:lnTo>
                  <a:pt x="202" y="5"/>
                </a:lnTo>
                <a:lnTo>
                  <a:pt x="228" y="1"/>
                </a:lnTo>
                <a:lnTo>
                  <a:pt x="254" y="0"/>
                </a:lnTo>
                <a:lnTo>
                  <a:pt x="254" y="0"/>
                </a:lnTo>
                <a:lnTo>
                  <a:pt x="281" y="1"/>
                </a:lnTo>
                <a:lnTo>
                  <a:pt x="306" y="5"/>
                </a:lnTo>
                <a:lnTo>
                  <a:pt x="330" y="12"/>
                </a:lnTo>
                <a:lnTo>
                  <a:pt x="353" y="20"/>
                </a:lnTo>
                <a:lnTo>
                  <a:pt x="375" y="30"/>
                </a:lnTo>
                <a:lnTo>
                  <a:pt x="397" y="44"/>
                </a:lnTo>
                <a:lnTo>
                  <a:pt x="417" y="58"/>
                </a:lnTo>
                <a:lnTo>
                  <a:pt x="434" y="75"/>
                </a:lnTo>
                <a:lnTo>
                  <a:pt x="451" y="92"/>
                </a:lnTo>
                <a:lnTo>
                  <a:pt x="465" y="112"/>
                </a:lnTo>
                <a:lnTo>
                  <a:pt x="478" y="133"/>
                </a:lnTo>
                <a:lnTo>
                  <a:pt x="489" y="156"/>
                </a:lnTo>
                <a:lnTo>
                  <a:pt x="497" y="179"/>
                </a:lnTo>
                <a:lnTo>
                  <a:pt x="503" y="203"/>
                </a:lnTo>
                <a:lnTo>
                  <a:pt x="507" y="228"/>
                </a:lnTo>
                <a:lnTo>
                  <a:pt x="509" y="255"/>
                </a:lnTo>
                <a:lnTo>
                  <a:pt x="509" y="255"/>
                </a:lnTo>
                <a:close/>
              </a:path>
            </a:pathLst>
          </a:custGeom>
          <a:solidFill>
            <a:srgbClr val="A1D469"/>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7" name="Freeform 15">
            <a:extLst>
              <a:ext uri="{FF2B5EF4-FFF2-40B4-BE49-F238E27FC236}">
                <a16:creationId xmlns:a16="http://schemas.microsoft.com/office/drawing/2014/main" id="{D3CCCBE6-E52D-44F9-B8A2-EB3A69605678}"/>
              </a:ext>
            </a:extLst>
          </p:cNvPr>
          <p:cNvSpPr>
            <a:spLocks/>
          </p:cNvSpPr>
          <p:nvPr userDrawn="1"/>
        </p:nvSpPr>
        <p:spPr bwMode="auto">
          <a:xfrm>
            <a:off x="4961469" y="2849035"/>
            <a:ext cx="116417" cy="201084"/>
          </a:xfrm>
          <a:custGeom>
            <a:avLst/>
            <a:gdLst>
              <a:gd name="T0" fmla="*/ 105 w 109"/>
              <a:gd name="T1" fmla="*/ 191 h 191"/>
              <a:gd name="T2" fmla="*/ 6 w 109"/>
              <a:gd name="T3" fmla="*/ 191 h 191"/>
              <a:gd name="T4" fmla="*/ 6 w 109"/>
              <a:gd name="T5" fmla="*/ 191 h 191"/>
              <a:gd name="T6" fmla="*/ 3 w 109"/>
              <a:gd name="T7" fmla="*/ 190 h 191"/>
              <a:gd name="T8" fmla="*/ 1 w 109"/>
              <a:gd name="T9" fmla="*/ 187 h 191"/>
              <a:gd name="T10" fmla="*/ 0 w 109"/>
              <a:gd name="T11" fmla="*/ 184 h 191"/>
              <a:gd name="T12" fmla="*/ 0 w 109"/>
              <a:gd name="T13" fmla="*/ 180 h 191"/>
              <a:gd name="T14" fmla="*/ 0 w 109"/>
              <a:gd name="T15" fmla="*/ 177 h 191"/>
              <a:gd name="T16" fmla="*/ 1 w 109"/>
              <a:gd name="T17" fmla="*/ 174 h 191"/>
              <a:gd name="T18" fmla="*/ 3 w 109"/>
              <a:gd name="T19" fmla="*/ 171 h 191"/>
              <a:gd name="T20" fmla="*/ 6 w 109"/>
              <a:gd name="T21" fmla="*/ 170 h 191"/>
              <a:gd name="T22" fmla="*/ 45 w 109"/>
              <a:gd name="T23" fmla="*/ 170 h 191"/>
              <a:gd name="T24" fmla="*/ 45 w 109"/>
              <a:gd name="T25" fmla="*/ 26 h 191"/>
              <a:gd name="T26" fmla="*/ 45 w 109"/>
              <a:gd name="T27" fmla="*/ 26 h 191"/>
              <a:gd name="T28" fmla="*/ 13 w 109"/>
              <a:gd name="T29" fmla="*/ 46 h 191"/>
              <a:gd name="T30" fmla="*/ 7 w 109"/>
              <a:gd name="T31" fmla="*/ 49 h 191"/>
              <a:gd name="T32" fmla="*/ 3 w 109"/>
              <a:gd name="T33" fmla="*/ 50 h 191"/>
              <a:gd name="T34" fmla="*/ 3 w 109"/>
              <a:gd name="T35" fmla="*/ 50 h 191"/>
              <a:gd name="T36" fmla="*/ 2 w 109"/>
              <a:gd name="T37" fmla="*/ 50 h 191"/>
              <a:gd name="T38" fmla="*/ 1 w 109"/>
              <a:gd name="T39" fmla="*/ 49 h 191"/>
              <a:gd name="T40" fmla="*/ 0 w 109"/>
              <a:gd name="T41" fmla="*/ 47 h 191"/>
              <a:gd name="T42" fmla="*/ 0 w 109"/>
              <a:gd name="T43" fmla="*/ 47 h 191"/>
              <a:gd name="T44" fmla="*/ 0 w 109"/>
              <a:gd name="T45" fmla="*/ 36 h 191"/>
              <a:gd name="T46" fmla="*/ 0 w 109"/>
              <a:gd name="T47" fmla="*/ 36 h 191"/>
              <a:gd name="T48" fmla="*/ 1 w 109"/>
              <a:gd name="T49" fmla="*/ 33 h 191"/>
              <a:gd name="T50" fmla="*/ 3 w 109"/>
              <a:gd name="T51" fmla="*/ 30 h 191"/>
              <a:gd name="T52" fmla="*/ 3 w 109"/>
              <a:gd name="T53" fmla="*/ 30 h 191"/>
              <a:gd name="T54" fmla="*/ 48 w 109"/>
              <a:gd name="T55" fmla="*/ 1 h 191"/>
              <a:gd name="T56" fmla="*/ 48 w 109"/>
              <a:gd name="T57" fmla="*/ 1 h 191"/>
              <a:gd name="T58" fmla="*/ 53 w 109"/>
              <a:gd name="T59" fmla="*/ 1 h 191"/>
              <a:gd name="T60" fmla="*/ 59 w 109"/>
              <a:gd name="T61" fmla="*/ 0 h 191"/>
              <a:gd name="T62" fmla="*/ 68 w 109"/>
              <a:gd name="T63" fmla="*/ 1 h 191"/>
              <a:gd name="T64" fmla="*/ 68 w 109"/>
              <a:gd name="T65" fmla="*/ 1 h 191"/>
              <a:gd name="T66" fmla="*/ 69 w 109"/>
              <a:gd name="T67" fmla="*/ 2 h 191"/>
              <a:gd name="T68" fmla="*/ 70 w 109"/>
              <a:gd name="T69" fmla="*/ 4 h 191"/>
              <a:gd name="T70" fmla="*/ 70 w 109"/>
              <a:gd name="T71" fmla="*/ 170 h 191"/>
              <a:gd name="T72" fmla="*/ 105 w 109"/>
              <a:gd name="T73" fmla="*/ 170 h 191"/>
              <a:gd name="T74" fmla="*/ 105 w 109"/>
              <a:gd name="T75" fmla="*/ 170 h 191"/>
              <a:gd name="T76" fmla="*/ 106 w 109"/>
              <a:gd name="T77" fmla="*/ 171 h 191"/>
              <a:gd name="T78" fmla="*/ 107 w 109"/>
              <a:gd name="T79" fmla="*/ 171 h 191"/>
              <a:gd name="T80" fmla="*/ 108 w 109"/>
              <a:gd name="T81" fmla="*/ 174 h 191"/>
              <a:gd name="T82" fmla="*/ 109 w 109"/>
              <a:gd name="T83" fmla="*/ 176 h 191"/>
              <a:gd name="T84" fmla="*/ 109 w 109"/>
              <a:gd name="T85" fmla="*/ 176 h 191"/>
              <a:gd name="T86" fmla="*/ 109 w 109"/>
              <a:gd name="T87" fmla="*/ 180 h 191"/>
              <a:gd name="T88" fmla="*/ 109 w 109"/>
              <a:gd name="T89" fmla="*/ 185 h 191"/>
              <a:gd name="T90" fmla="*/ 107 w 109"/>
              <a:gd name="T91" fmla="*/ 189 h 191"/>
              <a:gd name="T92" fmla="*/ 106 w 109"/>
              <a:gd name="T93" fmla="*/ 190 h 191"/>
              <a:gd name="T94" fmla="*/ 105 w 109"/>
              <a:gd name="T95" fmla="*/ 191 h 191"/>
              <a:gd name="T96" fmla="*/ 105 w 109"/>
              <a:gd name="T97" fmla="*/ 191 h 19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Lst>
            <a:rect l="0" t="0" r="r" b="b"/>
            <a:pathLst>
              <a:path w="109" h="191">
                <a:moveTo>
                  <a:pt x="105" y="191"/>
                </a:moveTo>
                <a:lnTo>
                  <a:pt x="6" y="191"/>
                </a:lnTo>
                <a:lnTo>
                  <a:pt x="6" y="191"/>
                </a:lnTo>
                <a:lnTo>
                  <a:pt x="3" y="190"/>
                </a:lnTo>
                <a:lnTo>
                  <a:pt x="1" y="187"/>
                </a:lnTo>
                <a:lnTo>
                  <a:pt x="0" y="184"/>
                </a:lnTo>
                <a:lnTo>
                  <a:pt x="0" y="180"/>
                </a:lnTo>
                <a:lnTo>
                  <a:pt x="0" y="177"/>
                </a:lnTo>
                <a:lnTo>
                  <a:pt x="1" y="174"/>
                </a:lnTo>
                <a:lnTo>
                  <a:pt x="3" y="171"/>
                </a:lnTo>
                <a:lnTo>
                  <a:pt x="6" y="170"/>
                </a:lnTo>
                <a:lnTo>
                  <a:pt x="45" y="170"/>
                </a:lnTo>
                <a:lnTo>
                  <a:pt x="45" y="26"/>
                </a:lnTo>
                <a:lnTo>
                  <a:pt x="45" y="26"/>
                </a:lnTo>
                <a:lnTo>
                  <a:pt x="13" y="46"/>
                </a:lnTo>
                <a:lnTo>
                  <a:pt x="7" y="49"/>
                </a:lnTo>
                <a:lnTo>
                  <a:pt x="3" y="50"/>
                </a:lnTo>
                <a:lnTo>
                  <a:pt x="3" y="50"/>
                </a:lnTo>
                <a:lnTo>
                  <a:pt x="2" y="50"/>
                </a:lnTo>
                <a:lnTo>
                  <a:pt x="1" y="49"/>
                </a:lnTo>
                <a:lnTo>
                  <a:pt x="0" y="47"/>
                </a:lnTo>
                <a:lnTo>
                  <a:pt x="0" y="47"/>
                </a:lnTo>
                <a:lnTo>
                  <a:pt x="0" y="36"/>
                </a:lnTo>
                <a:lnTo>
                  <a:pt x="0" y="36"/>
                </a:lnTo>
                <a:lnTo>
                  <a:pt x="1" y="33"/>
                </a:lnTo>
                <a:lnTo>
                  <a:pt x="3" y="30"/>
                </a:lnTo>
                <a:lnTo>
                  <a:pt x="3" y="30"/>
                </a:lnTo>
                <a:lnTo>
                  <a:pt x="48" y="1"/>
                </a:lnTo>
                <a:lnTo>
                  <a:pt x="48" y="1"/>
                </a:lnTo>
                <a:lnTo>
                  <a:pt x="53" y="1"/>
                </a:lnTo>
                <a:lnTo>
                  <a:pt x="59" y="0"/>
                </a:lnTo>
                <a:lnTo>
                  <a:pt x="68" y="1"/>
                </a:lnTo>
                <a:lnTo>
                  <a:pt x="68" y="1"/>
                </a:lnTo>
                <a:lnTo>
                  <a:pt x="69" y="2"/>
                </a:lnTo>
                <a:lnTo>
                  <a:pt x="70" y="4"/>
                </a:lnTo>
                <a:lnTo>
                  <a:pt x="70" y="170"/>
                </a:lnTo>
                <a:lnTo>
                  <a:pt x="105" y="170"/>
                </a:lnTo>
                <a:lnTo>
                  <a:pt x="105" y="170"/>
                </a:lnTo>
                <a:lnTo>
                  <a:pt x="106" y="171"/>
                </a:lnTo>
                <a:lnTo>
                  <a:pt x="107" y="171"/>
                </a:lnTo>
                <a:lnTo>
                  <a:pt x="108" y="174"/>
                </a:lnTo>
                <a:lnTo>
                  <a:pt x="109" y="176"/>
                </a:lnTo>
                <a:lnTo>
                  <a:pt x="109" y="176"/>
                </a:lnTo>
                <a:lnTo>
                  <a:pt x="109" y="180"/>
                </a:lnTo>
                <a:lnTo>
                  <a:pt x="109" y="185"/>
                </a:lnTo>
                <a:lnTo>
                  <a:pt x="107" y="189"/>
                </a:lnTo>
                <a:lnTo>
                  <a:pt x="106" y="190"/>
                </a:lnTo>
                <a:lnTo>
                  <a:pt x="105" y="191"/>
                </a:lnTo>
                <a:lnTo>
                  <a:pt x="105" y="191"/>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8" name="Freeform 16">
            <a:extLst>
              <a:ext uri="{FF2B5EF4-FFF2-40B4-BE49-F238E27FC236}">
                <a16:creationId xmlns:a16="http://schemas.microsoft.com/office/drawing/2014/main" id="{EB1C9F29-3B1F-46A6-B5F2-6354903C3348}"/>
              </a:ext>
            </a:extLst>
          </p:cNvPr>
          <p:cNvSpPr>
            <a:spLocks/>
          </p:cNvSpPr>
          <p:nvPr userDrawn="1"/>
        </p:nvSpPr>
        <p:spPr bwMode="auto">
          <a:xfrm>
            <a:off x="5118101" y="3016251"/>
            <a:ext cx="33867" cy="35984"/>
          </a:xfrm>
          <a:custGeom>
            <a:avLst/>
            <a:gdLst>
              <a:gd name="T0" fmla="*/ 33 w 33"/>
              <a:gd name="T1" fmla="*/ 18 h 35"/>
              <a:gd name="T2" fmla="*/ 33 w 33"/>
              <a:gd name="T3" fmla="*/ 18 h 35"/>
              <a:gd name="T4" fmla="*/ 31 w 33"/>
              <a:gd name="T5" fmla="*/ 27 h 35"/>
              <a:gd name="T6" fmla="*/ 30 w 33"/>
              <a:gd name="T7" fmla="*/ 29 h 35"/>
              <a:gd name="T8" fmla="*/ 29 w 33"/>
              <a:gd name="T9" fmla="*/ 32 h 35"/>
              <a:gd name="T10" fmla="*/ 29 w 33"/>
              <a:gd name="T11" fmla="*/ 32 h 35"/>
              <a:gd name="T12" fmla="*/ 27 w 33"/>
              <a:gd name="T13" fmla="*/ 33 h 35"/>
              <a:gd name="T14" fmla="*/ 23 w 33"/>
              <a:gd name="T15" fmla="*/ 34 h 35"/>
              <a:gd name="T16" fmla="*/ 16 w 33"/>
              <a:gd name="T17" fmla="*/ 35 h 35"/>
              <a:gd name="T18" fmla="*/ 16 w 33"/>
              <a:gd name="T19" fmla="*/ 35 h 35"/>
              <a:gd name="T20" fmla="*/ 8 w 33"/>
              <a:gd name="T21" fmla="*/ 34 h 35"/>
              <a:gd name="T22" fmla="*/ 4 w 33"/>
              <a:gd name="T23" fmla="*/ 32 h 35"/>
              <a:gd name="T24" fmla="*/ 4 w 33"/>
              <a:gd name="T25" fmla="*/ 32 h 35"/>
              <a:gd name="T26" fmla="*/ 3 w 33"/>
              <a:gd name="T27" fmla="*/ 29 h 35"/>
              <a:gd name="T28" fmla="*/ 1 w 33"/>
              <a:gd name="T29" fmla="*/ 27 h 35"/>
              <a:gd name="T30" fmla="*/ 0 w 33"/>
              <a:gd name="T31" fmla="*/ 18 h 35"/>
              <a:gd name="T32" fmla="*/ 0 w 33"/>
              <a:gd name="T33" fmla="*/ 18 h 35"/>
              <a:gd name="T34" fmla="*/ 1 w 33"/>
              <a:gd name="T35" fmla="*/ 10 h 35"/>
              <a:gd name="T36" fmla="*/ 3 w 33"/>
              <a:gd name="T37" fmla="*/ 6 h 35"/>
              <a:gd name="T38" fmla="*/ 4 w 33"/>
              <a:gd name="T39" fmla="*/ 4 h 35"/>
              <a:gd name="T40" fmla="*/ 4 w 33"/>
              <a:gd name="T41" fmla="*/ 4 h 35"/>
              <a:gd name="T42" fmla="*/ 6 w 33"/>
              <a:gd name="T43" fmla="*/ 3 h 35"/>
              <a:gd name="T44" fmla="*/ 9 w 33"/>
              <a:gd name="T45" fmla="*/ 2 h 35"/>
              <a:gd name="T46" fmla="*/ 16 w 33"/>
              <a:gd name="T47" fmla="*/ 0 h 35"/>
              <a:gd name="T48" fmla="*/ 16 w 33"/>
              <a:gd name="T49" fmla="*/ 0 h 35"/>
              <a:gd name="T50" fmla="*/ 24 w 33"/>
              <a:gd name="T51" fmla="*/ 2 h 35"/>
              <a:gd name="T52" fmla="*/ 29 w 33"/>
              <a:gd name="T53" fmla="*/ 4 h 35"/>
              <a:gd name="T54" fmla="*/ 29 w 33"/>
              <a:gd name="T55" fmla="*/ 4 h 35"/>
              <a:gd name="T56" fmla="*/ 30 w 33"/>
              <a:gd name="T57" fmla="*/ 6 h 35"/>
              <a:gd name="T58" fmla="*/ 31 w 33"/>
              <a:gd name="T59" fmla="*/ 10 h 35"/>
              <a:gd name="T60" fmla="*/ 33 w 33"/>
              <a:gd name="T61" fmla="*/ 18 h 35"/>
              <a:gd name="T62" fmla="*/ 33 w 33"/>
              <a:gd name="T63" fmla="*/ 18 h 3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33" h="35">
                <a:moveTo>
                  <a:pt x="33" y="18"/>
                </a:moveTo>
                <a:lnTo>
                  <a:pt x="33" y="18"/>
                </a:lnTo>
                <a:lnTo>
                  <a:pt x="31" y="27"/>
                </a:lnTo>
                <a:lnTo>
                  <a:pt x="30" y="29"/>
                </a:lnTo>
                <a:lnTo>
                  <a:pt x="29" y="32"/>
                </a:lnTo>
                <a:lnTo>
                  <a:pt x="29" y="32"/>
                </a:lnTo>
                <a:lnTo>
                  <a:pt x="27" y="33"/>
                </a:lnTo>
                <a:lnTo>
                  <a:pt x="23" y="34"/>
                </a:lnTo>
                <a:lnTo>
                  <a:pt x="16" y="35"/>
                </a:lnTo>
                <a:lnTo>
                  <a:pt x="16" y="35"/>
                </a:lnTo>
                <a:lnTo>
                  <a:pt x="8" y="34"/>
                </a:lnTo>
                <a:lnTo>
                  <a:pt x="4" y="32"/>
                </a:lnTo>
                <a:lnTo>
                  <a:pt x="4" y="32"/>
                </a:lnTo>
                <a:lnTo>
                  <a:pt x="3" y="29"/>
                </a:lnTo>
                <a:lnTo>
                  <a:pt x="1" y="27"/>
                </a:lnTo>
                <a:lnTo>
                  <a:pt x="0" y="18"/>
                </a:lnTo>
                <a:lnTo>
                  <a:pt x="0" y="18"/>
                </a:lnTo>
                <a:lnTo>
                  <a:pt x="1" y="10"/>
                </a:lnTo>
                <a:lnTo>
                  <a:pt x="3" y="6"/>
                </a:lnTo>
                <a:lnTo>
                  <a:pt x="4" y="4"/>
                </a:lnTo>
                <a:lnTo>
                  <a:pt x="4" y="4"/>
                </a:lnTo>
                <a:lnTo>
                  <a:pt x="6" y="3"/>
                </a:lnTo>
                <a:lnTo>
                  <a:pt x="9" y="2"/>
                </a:lnTo>
                <a:lnTo>
                  <a:pt x="16" y="0"/>
                </a:lnTo>
                <a:lnTo>
                  <a:pt x="16" y="0"/>
                </a:lnTo>
                <a:lnTo>
                  <a:pt x="24" y="2"/>
                </a:lnTo>
                <a:lnTo>
                  <a:pt x="29" y="4"/>
                </a:lnTo>
                <a:lnTo>
                  <a:pt x="29" y="4"/>
                </a:lnTo>
                <a:lnTo>
                  <a:pt x="30" y="6"/>
                </a:lnTo>
                <a:lnTo>
                  <a:pt x="31" y="10"/>
                </a:lnTo>
                <a:lnTo>
                  <a:pt x="33" y="18"/>
                </a:lnTo>
                <a:lnTo>
                  <a:pt x="33" y="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19" name="Freeform 17">
            <a:extLst>
              <a:ext uri="{FF2B5EF4-FFF2-40B4-BE49-F238E27FC236}">
                <a16:creationId xmlns:a16="http://schemas.microsoft.com/office/drawing/2014/main" id="{4C3FEBFE-C36D-472C-84D8-6B5EB52BCBDA}"/>
              </a:ext>
            </a:extLst>
          </p:cNvPr>
          <p:cNvSpPr>
            <a:spLocks/>
          </p:cNvSpPr>
          <p:nvPr userDrawn="1"/>
        </p:nvSpPr>
        <p:spPr bwMode="auto">
          <a:xfrm>
            <a:off x="6665385" y="1940985"/>
            <a:ext cx="124884" cy="201084"/>
          </a:xfrm>
          <a:custGeom>
            <a:avLst/>
            <a:gdLst>
              <a:gd name="T0" fmla="*/ 116 w 117"/>
              <a:gd name="T1" fmla="*/ 188 h 190"/>
              <a:gd name="T2" fmla="*/ 113 w 117"/>
              <a:gd name="T3" fmla="*/ 190 h 190"/>
              <a:gd name="T4" fmla="*/ 9 w 117"/>
              <a:gd name="T5" fmla="*/ 190 h 190"/>
              <a:gd name="T6" fmla="*/ 6 w 117"/>
              <a:gd name="T7" fmla="*/ 190 h 190"/>
              <a:gd name="T8" fmla="*/ 1 w 117"/>
              <a:gd name="T9" fmla="*/ 186 h 190"/>
              <a:gd name="T10" fmla="*/ 0 w 117"/>
              <a:gd name="T11" fmla="*/ 180 h 190"/>
              <a:gd name="T12" fmla="*/ 3 w 117"/>
              <a:gd name="T13" fmla="*/ 167 h 190"/>
              <a:gd name="T14" fmla="*/ 7 w 117"/>
              <a:gd name="T15" fmla="*/ 164 h 190"/>
              <a:gd name="T16" fmla="*/ 31 w 117"/>
              <a:gd name="T17" fmla="*/ 138 h 190"/>
              <a:gd name="T18" fmla="*/ 64 w 117"/>
              <a:gd name="T19" fmla="*/ 102 h 190"/>
              <a:gd name="T20" fmla="*/ 79 w 117"/>
              <a:gd name="T21" fmla="*/ 79 h 190"/>
              <a:gd name="T22" fmla="*/ 83 w 117"/>
              <a:gd name="T23" fmla="*/ 67 h 190"/>
              <a:gd name="T24" fmla="*/ 84 w 117"/>
              <a:gd name="T25" fmla="*/ 51 h 190"/>
              <a:gd name="T26" fmla="*/ 82 w 117"/>
              <a:gd name="T27" fmla="*/ 42 h 190"/>
              <a:gd name="T28" fmla="*/ 77 w 117"/>
              <a:gd name="T29" fmla="*/ 34 h 190"/>
              <a:gd name="T30" fmla="*/ 64 w 117"/>
              <a:gd name="T31" fmla="*/ 24 h 190"/>
              <a:gd name="T32" fmla="*/ 46 w 117"/>
              <a:gd name="T33" fmla="*/ 23 h 190"/>
              <a:gd name="T34" fmla="*/ 24 w 117"/>
              <a:gd name="T35" fmla="*/ 29 h 190"/>
              <a:gd name="T36" fmla="*/ 14 w 117"/>
              <a:gd name="T37" fmla="*/ 36 h 190"/>
              <a:gd name="T38" fmla="*/ 8 w 117"/>
              <a:gd name="T39" fmla="*/ 38 h 190"/>
              <a:gd name="T40" fmla="*/ 7 w 117"/>
              <a:gd name="T41" fmla="*/ 37 h 190"/>
              <a:gd name="T42" fmla="*/ 5 w 117"/>
              <a:gd name="T43" fmla="*/ 31 h 190"/>
              <a:gd name="T44" fmla="*/ 5 w 117"/>
              <a:gd name="T45" fmla="*/ 23 h 190"/>
              <a:gd name="T46" fmla="*/ 7 w 117"/>
              <a:gd name="T47" fmla="*/ 17 h 190"/>
              <a:gd name="T48" fmla="*/ 14 w 117"/>
              <a:gd name="T49" fmla="*/ 12 h 190"/>
              <a:gd name="T50" fmla="*/ 21 w 117"/>
              <a:gd name="T51" fmla="*/ 8 h 190"/>
              <a:gd name="T52" fmla="*/ 37 w 117"/>
              <a:gd name="T53" fmla="*/ 2 h 190"/>
              <a:gd name="T54" fmla="*/ 54 w 117"/>
              <a:gd name="T55" fmla="*/ 0 h 190"/>
              <a:gd name="T56" fmla="*/ 70 w 117"/>
              <a:gd name="T57" fmla="*/ 2 h 190"/>
              <a:gd name="T58" fmla="*/ 86 w 117"/>
              <a:gd name="T59" fmla="*/ 7 h 190"/>
              <a:gd name="T60" fmla="*/ 99 w 117"/>
              <a:gd name="T61" fmla="*/ 17 h 190"/>
              <a:gd name="T62" fmla="*/ 107 w 117"/>
              <a:gd name="T63" fmla="*/ 34 h 190"/>
              <a:gd name="T64" fmla="*/ 109 w 117"/>
              <a:gd name="T65" fmla="*/ 54 h 190"/>
              <a:gd name="T66" fmla="*/ 108 w 117"/>
              <a:gd name="T67" fmla="*/ 67 h 190"/>
              <a:gd name="T68" fmla="*/ 98 w 117"/>
              <a:gd name="T69" fmla="*/ 92 h 190"/>
              <a:gd name="T70" fmla="*/ 79 w 117"/>
              <a:gd name="T71" fmla="*/ 118 h 190"/>
              <a:gd name="T72" fmla="*/ 56 w 117"/>
              <a:gd name="T73" fmla="*/ 143 h 190"/>
              <a:gd name="T74" fmla="*/ 112 w 117"/>
              <a:gd name="T75" fmla="*/ 170 h 190"/>
              <a:gd name="T76" fmla="*/ 114 w 117"/>
              <a:gd name="T77" fmla="*/ 171 h 190"/>
              <a:gd name="T78" fmla="*/ 117 w 117"/>
              <a:gd name="T79" fmla="*/ 178 h 190"/>
              <a:gd name="T80" fmla="*/ 116 w 117"/>
              <a:gd name="T81" fmla="*/ 188 h 19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Lst>
            <a:rect l="0" t="0" r="r" b="b"/>
            <a:pathLst>
              <a:path w="117" h="190">
                <a:moveTo>
                  <a:pt x="116" y="188"/>
                </a:moveTo>
                <a:lnTo>
                  <a:pt x="116" y="188"/>
                </a:lnTo>
                <a:lnTo>
                  <a:pt x="115" y="190"/>
                </a:lnTo>
                <a:lnTo>
                  <a:pt x="113" y="190"/>
                </a:lnTo>
                <a:lnTo>
                  <a:pt x="9" y="190"/>
                </a:lnTo>
                <a:lnTo>
                  <a:pt x="9" y="190"/>
                </a:lnTo>
                <a:lnTo>
                  <a:pt x="6" y="190"/>
                </a:lnTo>
                <a:lnTo>
                  <a:pt x="6" y="190"/>
                </a:lnTo>
                <a:lnTo>
                  <a:pt x="2" y="189"/>
                </a:lnTo>
                <a:lnTo>
                  <a:pt x="1" y="186"/>
                </a:lnTo>
                <a:lnTo>
                  <a:pt x="0" y="180"/>
                </a:lnTo>
                <a:lnTo>
                  <a:pt x="0" y="180"/>
                </a:lnTo>
                <a:lnTo>
                  <a:pt x="1" y="173"/>
                </a:lnTo>
                <a:lnTo>
                  <a:pt x="3" y="167"/>
                </a:lnTo>
                <a:lnTo>
                  <a:pt x="3" y="167"/>
                </a:lnTo>
                <a:lnTo>
                  <a:pt x="7" y="164"/>
                </a:lnTo>
                <a:lnTo>
                  <a:pt x="7" y="164"/>
                </a:lnTo>
                <a:lnTo>
                  <a:pt x="31" y="138"/>
                </a:lnTo>
                <a:lnTo>
                  <a:pt x="55" y="114"/>
                </a:lnTo>
                <a:lnTo>
                  <a:pt x="64" y="102"/>
                </a:lnTo>
                <a:lnTo>
                  <a:pt x="72" y="90"/>
                </a:lnTo>
                <a:lnTo>
                  <a:pt x="79" y="79"/>
                </a:lnTo>
                <a:lnTo>
                  <a:pt x="83" y="67"/>
                </a:lnTo>
                <a:lnTo>
                  <a:pt x="83" y="67"/>
                </a:lnTo>
                <a:lnTo>
                  <a:pt x="84" y="58"/>
                </a:lnTo>
                <a:lnTo>
                  <a:pt x="84" y="51"/>
                </a:lnTo>
                <a:lnTo>
                  <a:pt x="83" y="46"/>
                </a:lnTo>
                <a:lnTo>
                  <a:pt x="82" y="42"/>
                </a:lnTo>
                <a:lnTo>
                  <a:pt x="82" y="42"/>
                </a:lnTo>
                <a:lnTo>
                  <a:pt x="77" y="34"/>
                </a:lnTo>
                <a:lnTo>
                  <a:pt x="71" y="28"/>
                </a:lnTo>
                <a:lnTo>
                  <a:pt x="64" y="24"/>
                </a:lnTo>
                <a:lnTo>
                  <a:pt x="55" y="22"/>
                </a:lnTo>
                <a:lnTo>
                  <a:pt x="46" y="23"/>
                </a:lnTo>
                <a:lnTo>
                  <a:pt x="36" y="26"/>
                </a:lnTo>
                <a:lnTo>
                  <a:pt x="24" y="29"/>
                </a:lnTo>
                <a:lnTo>
                  <a:pt x="14" y="36"/>
                </a:lnTo>
                <a:lnTo>
                  <a:pt x="14" y="36"/>
                </a:lnTo>
                <a:lnTo>
                  <a:pt x="10" y="38"/>
                </a:lnTo>
                <a:lnTo>
                  <a:pt x="8" y="38"/>
                </a:lnTo>
                <a:lnTo>
                  <a:pt x="7" y="37"/>
                </a:lnTo>
                <a:lnTo>
                  <a:pt x="7" y="37"/>
                </a:lnTo>
                <a:lnTo>
                  <a:pt x="5" y="35"/>
                </a:lnTo>
                <a:lnTo>
                  <a:pt x="5" y="31"/>
                </a:lnTo>
                <a:lnTo>
                  <a:pt x="5" y="23"/>
                </a:lnTo>
                <a:lnTo>
                  <a:pt x="5" y="23"/>
                </a:lnTo>
                <a:lnTo>
                  <a:pt x="5" y="20"/>
                </a:lnTo>
                <a:lnTo>
                  <a:pt x="7" y="17"/>
                </a:lnTo>
                <a:lnTo>
                  <a:pt x="9" y="14"/>
                </a:lnTo>
                <a:lnTo>
                  <a:pt x="14" y="12"/>
                </a:lnTo>
                <a:lnTo>
                  <a:pt x="14" y="12"/>
                </a:lnTo>
                <a:lnTo>
                  <a:pt x="21" y="8"/>
                </a:lnTo>
                <a:lnTo>
                  <a:pt x="29" y="5"/>
                </a:lnTo>
                <a:lnTo>
                  <a:pt x="37" y="2"/>
                </a:lnTo>
                <a:lnTo>
                  <a:pt x="45" y="1"/>
                </a:lnTo>
                <a:lnTo>
                  <a:pt x="54" y="0"/>
                </a:lnTo>
                <a:lnTo>
                  <a:pt x="62" y="0"/>
                </a:lnTo>
                <a:lnTo>
                  <a:pt x="70" y="2"/>
                </a:lnTo>
                <a:lnTo>
                  <a:pt x="78" y="4"/>
                </a:lnTo>
                <a:lnTo>
                  <a:pt x="86" y="7"/>
                </a:lnTo>
                <a:lnTo>
                  <a:pt x="93" y="12"/>
                </a:lnTo>
                <a:lnTo>
                  <a:pt x="99" y="17"/>
                </a:lnTo>
                <a:lnTo>
                  <a:pt x="104" y="24"/>
                </a:lnTo>
                <a:lnTo>
                  <a:pt x="107" y="34"/>
                </a:lnTo>
                <a:lnTo>
                  <a:pt x="109" y="43"/>
                </a:lnTo>
                <a:lnTo>
                  <a:pt x="109" y="54"/>
                </a:lnTo>
                <a:lnTo>
                  <a:pt x="108" y="67"/>
                </a:lnTo>
                <a:lnTo>
                  <a:pt x="108" y="67"/>
                </a:lnTo>
                <a:lnTo>
                  <a:pt x="104" y="80"/>
                </a:lnTo>
                <a:lnTo>
                  <a:pt x="98" y="92"/>
                </a:lnTo>
                <a:lnTo>
                  <a:pt x="90" y="105"/>
                </a:lnTo>
                <a:lnTo>
                  <a:pt x="79" y="118"/>
                </a:lnTo>
                <a:lnTo>
                  <a:pt x="68" y="130"/>
                </a:lnTo>
                <a:lnTo>
                  <a:pt x="56" y="143"/>
                </a:lnTo>
                <a:lnTo>
                  <a:pt x="31" y="170"/>
                </a:lnTo>
                <a:lnTo>
                  <a:pt x="112" y="170"/>
                </a:lnTo>
                <a:lnTo>
                  <a:pt x="112" y="170"/>
                </a:lnTo>
                <a:lnTo>
                  <a:pt x="114" y="171"/>
                </a:lnTo>
                <a:lnTo>
                  <a:pt x="116" y="172"/>
                </a:lnTo>
                <a:lnTo>
                  <a:pt x="117" y="178"/>
                </a:lnTo>
                <a:lnTo>
                  <a:pt x="117" y="183"/>
                </a:lnTo>
                <a:lnTo>
                  <a:pt x="116" y="188"/>
                </a:lnTo>
                <a:lnTo>
                  <a:pt x="116" y="18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20" name="Freeform 18">
            <a:extLst>
              <a:ext uri="{FF2B5EF4-FFF2-40B4-BE49-F238E27FC236}">
                <a16:creationId xmlns:a16="http://schemas.microsoft.com/office/drawing/2014/main" id="{9F4F5E6A-5FC6-4C25-961A-EDD6FA44C746}"/>
              </a:ext>
            </a:extLst>
          </p:cNvPr>
          <p:cNvSpPr>
            <a:spLocks/>
          </p:cNvSpPr>
          <p:nvPr userDrawn="1"/>
        </p:nvSpPr>
        <p:spPr bwMode="auto">
          <a:xfrm>
            <a:off x="6832602" y="2106084"/>
            <a:ext cx="31751" cy="35984"/>
          </a:xfrm>
          <a:custGeom>
            <a:avLst/>
            <a:gdLst>
              <a:gd name="T0" fmla="*/ 31 w 31"/>
              <a:gd name="T1" fmla="*/ 17 h 33"/>
              <a:gd name="T2" fmla="*/ 31 w 31"/>
              <a:gd name="T3" fmla="*/ 17 h 33"/>
              <a:gd name="T4" fmla="*/ 30 w 31"/>
              <a:gd name="T5" fmla="*/ 25 h 33"/>
              <a:gd name="T6" fmla="*/ 28 w 31"/>
              <a:gd name="T7" fmla="*/ 29 h 33"/>
              <a:gd name="T8" fmla="*/ 27 w 31"/>
              <a:gd name="T9" fmla="*/ 30 h 33"/>
              <a:gd name="T10" fmla="*/ 27 w 31"/>
              <a:gd name="T11" fmla="*/ 30 h 33"/>
              <a:gd name="T12" fmla="*/ 25 w 31"/>
              <a:gd name="T13" fmla="*/ 32 h 33"/>
              <a:gd name="T14" fmla="*/ 23 w 31"/>
              <a:gd name="T15" fmla="*/ 33 h 33"/>
              <a:gd name="T16" fmla="*/ 15 w 31"/>
              <a:gd name="T17" fmla="*/ 33 h 33"/>
              <a:gd name="T18" fmla="*/ 15 w 31"/>
              <a:gd name="T19" fmla="*/ 33 h 33"/>
              <a:gd name="T20" fmla="*/ 8 w 31"/>
              <a:gd name="T21" fmla="*/ 33 h 33"/>
              <a:gd name="T22" fmla="*/ 3 w 31"/>
              <a:gd name="T23" fmla="*/ 31 h 33"/>
              <a:gd name="T24" fmla="*/ 3 w 31"/>
              <a:gd name="T25" fmla="*/ 31 h 33"/>
              <a:gd name="T26" fmla="*/ 1 w 31"/>
              <a:gd name="T27" fmla="*/ 29 h 33"/>
              <a:gd name="T28" fmla="*/ 0 w 31"/>
              <a:gd name="T29" fmla="*/ 25 h 33"/>
              <a:gd name="T30" fmla="*/ 0 w 31"/>
              <a:gd name="T31" fmla="*/ 17 h 33"/>
              <a:gd name="T32" fmla="*/ 0 w 31"/>
              <a:gd name="T33" fmla="*/ 17 h 33"/>
              <a:gd name="T34" fmla="*/ 0 w 31"/>
              <a:gd name="T35" fmla="*/ 9 h 33"/>
              <a:gd name="T36" fmla="*/ 1 w 31"/>
              <a:gd name="T37" fmla="*/ 6 h 33"/>
              <a:gd name="T38" fmla="*/ 3 w 31"/>
              <a:gd name="T39" fmla="*/ 3 h 33"/>
              <a:gd name="T40" fmla="*/ 3 w 31"/>
              <a:gd name="T41" fmla="*/ 3 h 33"/>
              <a:gd name="T42" fmla="*/ 4 w 31"/>
              <a:gd name="T43" fmla="*/ 2 h 33"/>
              <a:gd name="T44" fmla="*/ 8 w 31"/>
              <a:gd name="T45" fmla="*/ 1 h 33"/>
              <a:gd name="T46" fmla="*/ 15 w 31"/>
              <a:gd name="T47" fmla="*/ 0 h 33"/>
              <a:gd name="T48" fmla="*/ 15 w 31"/>
              <a:gd name="T49" fmla="*/ 0 h 33"/>
              <a:gd name="T50" fmla="*/ 23 w 31"/>
              <a:gd name="T51" fmla="*/ 1 h 33"/>
              <a:gd name="T52" fmla="*/ 27 w 31"/>
              <a:gd name="T53" fmla="*/ 3 h 33"/>
              <a:gd name="T54" fmla="*/ 27 w 31"/>
              <a:gd name="T55" fmla="*/ 3 h 33"/>
              <a:gd name="T56" fmla="*/ 28 w 31"/>
              <a:gd name="T57" fmla="*/ 6 h 33"/>
              <a:gd name="T58" fmla="*/ 30 w 31"/>
              <a:gd name="T59" fmla="*/ 8 h 33"/>
              <a:gd name="T60" fmla="*/ 31 w 31"/>
              <a:gd name="T61" fmla="*/ 17 h 33"/>
              <a:gd name="T62" fmla="*/ 31 w 31"/>
              <a:gd name="T63" fmla="*/ 17 h 3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31" h="33">
                <a:moveTo>
                  <a:pt x="31" y="17"/>
                </a:moveTo>
                <a:lnTo>
                  <a:pt x="31" y="17"/>
                </a:lnTo>
                <a:lnTo>
                  <a:pt x="30" y="25"/>
                </a:lnTo>
                <a:lnTo>
                  <a:pt x="28" y="29"/>
                </a:lnTo>
                <a:lnTo>
                  <a:pt x="27" y="30"/>
                </a:lnTo>
                <a:lnTo>
                  <a:pt x="27" y="30"/>
                </a:lnTo>
                <a:lnTo>
                  <a:pt x="25" y="32"/>
                </a:lnTo>
                <a:lnTo>
                  <a:pt x="23" y="33"/>
                </a:lnTo>
                <a:lnTo>
                  <a:pt x="15" y="33"/>
                </a:lnTo>
                <a:lnTo>
                  <a:pt x="15" y="33"/>
                </a:lnTo>
                <a:lnTo>
                  <a:pt x="8" y="33"/>
                </a:lnTo>
                <a:lnTo>
                  <a:pt x="3" y="31"/>
                </a:lnTo>
                <a:lnTo>
                  <a:pt x="3" y="31"/>
                </a:lnTo>
                <a:lnTo>
                  <a:pt x="1" y="29"/>
                </a:lnTo>
                <a:lnTo>
                  <a:pt x="0" y="25"/>
                </a:lnTo>
                <a:lnTo>
                  <a:pt x="0" y="17"/>
                </a:lnTo>
                <a:lnTo>
                  <a:pt x="0" y="17"/>
                </a:lnTo>
                <a:lnTo>
                  <a:pt x="0" y="9"/>
                </a:lnTo>
                <a:lnTo>
                  <a:pt x="1" y="6"/>
                </a:lnTo>
                <a:lnTo>
                  <a:pt x="3" y="3"/>
                </a:lnTo>
                <a:lnTo>
                  <a:pt x="3" y="3"/>
                </a:lnTo>
                <a:lnTo>
                  <a:pt x="4" y="2"/>
                </a:lnTo>
                <a:lnTo>
                  <a:pt x="8" y="1"/>
                </a:lnTo>
                <a:lnTo>
                  <a:pt x="15" y="0"/>
                </a:lnTo>
                <a:lnTo>
                  <a:pt x="15" y="0"/>
                </a:lnTo>
                <a:lnTo>
                  <a:pt x="23" y="1"/>
                </a:lnTo>
                <a:lnTo>
                  <a:pt x="27" y="3"/>
                </a:lnTo>
                <a:lnTo>
                  <a:pt x="27" y="3"/>
                </a:lnTo>
                <a:lnTo>
                  <a:pt x="28" y="6"/>
                </a:lnTo>
                <a:lnTo>
                  <a:pt x="30" y="8"/>
                </a:lnTo>
                <a:lnTo>
                  <a:pt x="31" y="17"/>
                </a:lnTo>
                <a:lnTo>
                  <a:pt x="31" y="17"/>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21" name="Freeform 19">
            <a:extLst>
              <a:ext uri="{FF2B5EF4-FFF2-40B4-BE49-F238E27FC236}">
                <a16:creationId xmlns:a16="http://schemas.microsoft.com/office/drawing/2014/main" id="{36707818-0C08-4915-A18A-7F3C80F99409}"/>
              </a:ext>
            </a:extLst>
          </p:cNvPr>
          <p:cNvSpPr>
            <a:spLocks/>
          </p:cNvSpPr>
          <p:nvPr userDrawn="1"/>
        </p:nvSpPr>
        <p:spPr bwMode="auto">
          <a:xfrm>
            <a:off x="5736168" y="5145618"/>
            <a:ext cx="719667" cy="728133"/>
          </a:xfrm>
          <a:custGeom>
            <a:avLst/>
            <a:gdLst>
              <a:gd name="T0" fmla="*/ 682 w 682"/>
              <a:gd name="T1" fmla="*/ 362 h 688"/>
              <a:gd name="T2" fmla="*/ 675 w 682"/>
              <a:gd name="T3" fmla="*/ 415 h 688"/>
              <a:gd name="T4" fmla="*/ 662 w 682"/>
              <a:gd name="T5" fmla="*/ 463 h 688"/>
              <a:gd name="T6" fmla="*/ 643 w 682"/>
              <a:gd name="T7" fmla="*/ 510 h 688"/>
              <a:gd name="T8" fmla="*/ 617 w 682"/>
              <a:gd name="T9" fmla="*/ 551 h 688"/>
              <a:gd name="T10" fmla="*/ 586 w 682"/>
              <a:gd name="T11" fmla="*/ 589 h 688"/>
              <a:gd name="T12" fmla="*/ 549 w 682"/>
              <a:gd name="T13" fmla="*/ 621 h 688"/>
              <a:gd name="T14" fmla="*/ 508 w 682"/>
              <a:gd name="T15" fmla="*/ 648 h 688"/>
              <a:gd name="T16" fmla="*/ 462 w 682"/>
              <a:gd name="T17" fmla="*/ 667 h 688"/>
              <a:gd name="T18" fmla="*/ 411 w 682"/>
              <a:gd name="T19" fmla="*/ 681 h 688"/>
              <a:gd name="T20" fmla="*/ 357 w 682"/>
              <a:gd name="T21" fmla="*/ 688 h 688"/>
              <a:gd name="T22" fmla="*/ 320 w 682"/>
              <a:gd name="T23" fmla="*/ 688 h 688"/>
              <a:gd name="T24" fmla="*/ 270 w 682"/>
              <a:gd name="T25" fmla="*/ 681 h 688"/>
              <a:gd name="T26" fmla="*/ 222 w 682"/>
              <a:gd name="T27" fmla="*/ 667 h 688"/>
              <a:gd name="T28" fmla="*/ 177 w 682"/>
              <a:gd name="T29" fmla="*/ 648 h 688"/>
              <a:gd name="T30" fmla="*/ 136 w 682"/>
              <a:gd name="T31" fmla="*/ 621 h 688"/>
              <a:gd name="T32" fmla="*/ 99 w 682"/>
              <a:gd name="T33" fmla="*/ 589 h 688"/>
              <a:gd name="T34" fmla="*/ 67 w 682"/>
              <a:gd name="T35" fmla="*/ 551 h 688"/>
              <a:gd name="T36" fmla="*/ 40 w 682"/>
              <a:gd name="T37" fmla="*/ 510 h 688"/>
              <a:gd name="T38" fmla="*/ 21 w 682"/>
              <a:gd name="T39" fmla="*/ 463 h 688"/>
              <a:gd name="T40" fmla="*/ 7 w 682"/>
              <a:gd name="T41" fmla="*/ 415 h 688"/>
              <a:gd name="T42" fmla="*/ 0 w 682"/>
              <a:gd name="T43" fmla="*/ 362 h 688"/>
              <a:gd name="T44" fmla="*/ 0 w 682"/>
              <a:gd name="T45" fmla="*/ 328 h 688"/>
              <a:gd name="T46" fmla="*/ 7 w 682"/>
              <a:gd name="T47" fmla="*/ 276 h 688"/>
              <a:gd name="T48" fmla="*/ 21 w 682"/>
              <a:gd name="T49" fmla="*/ 227 h 688"/>
              <a:gd name="T50" fmla="*/ 40 w 682"/>
              <a:gd name="T51" fmla="*/ 182 h 688"/>
              <a:gd name="T52" fmla="*/ 67 w 682"/>
              <a:gd name="T53" fmla="*/ 140 h 688"/>
              <a:gd name="T54" fmla="*/ 99 w 682"/>
              <a:gd name="T55" fmla="*/ 103 h 688"/>
              <a:gd name="T56" fmla="*/ 136 w 682"/>
              <a:gd name="T57" fmla="*/ 69 h 688"/>
              <a:gd name="T58" fmla="*/ 177 w 682"/>
              <a:gd name="T59" fmla="*/ 43 h 688"/>
              <a:gd name="T60" fmla="*/ 222 w 682"/>
              <a:gd name="T61" fmla="*/ 22 h 688"/>
              <a:gd name="T62" fmla="*/ 270 w 682"/>
              <a:gd name="T63" fmla="*/ 7 h 688"/>
              <a:gd name="T64" fmla="*/ 320 w 682"/>
              <a:gd name="T65" fmla="*/ 1 h 688"/>
              <a:gd name="T66" fmla="*/ 357 w 682"/>
              <a:gd name="T67" fmla="*/ 1 h 688"/>
              <a:gd name="T68" fmla="*/ 411 w 682"/>
              <a:gd name="T69" fmla="*/ 7 h 688"/>
              <a:gd name="T70" fmla="*/ 462 w 682"/>
              <a:gd name="T71" fmla="*/ 22 h 688"/>
              <a:gd name="T72" fmla="*/ 508 w 682"/>
              <a:gd name="T73" fmla="*/ 43 h 688"/>
              <a:gd name="T74" fmla="*/ 549 w 682"/>
              <a:gd name="T75" fmla="*/ 69 h 688"/>
              <a:gd name="T76" fmla="*/ 586 w 682"/>
              <a:gd name="T77" fmla="*/ 103 h 688"/>
              <a:gd name="T78" fmla="*/ 617 w 682"/>
              <a:gd name="T79" fmla="*/ 140 h 688"/>
              <a:gd name="T80" fmla="*/ 643 w 682"/>
              <a:gd name="T81" fmla="*/ 182 h 688"/>
              <a:gd name="T82" fmla="*/ 662 w 682"/>
              <a:gd name="T83" fmla="*/ 227 h 688"/>
              <a:gd name="T84" fmla="*/ 675 w 682"/>
              <a:gd name="T85" fmla="*/ 276 h 688"/>
              <a:gd name="T86" fmla="*/ 682 w 682"/>
              <a:gd name="T87" fmla="*/ 328 h 68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Lst>
            <a:rect l="0" t="0" r="r" b="b"/>
            <a:pathLst>
              <a:path w="682" h="688">
                <a:moveTo>
                  <a:pt x="682" y="345"/>
                </a:moveTo>
                <a:lnTo>
                  <a:pt x="682" y="345"/>
                </a:lnTo>
                <a:lnTo>
                  <a:pt x="682" y="362"/>
                </a:lnTo>
                <a:lnTo>
                  <a:pt x="681" y="381"/>
                </a:lnTo>
                <a:lnTo>
                  <a:pt x="678" y="398"/>
                </a:lnTo>
                <a:lnTo>
                  <a:pt x="675" y="415"/>
                </a:lnTo>
                <a:lnTo>
                  <a:pt x="672" y="431"/>
                </a:lnTo>
                <a:lnTo>
                  <a:pt x="668" y="447"/>
                </a:lnTo>
                <a:lnTo>
                  <a:pt x="662" y="463"/>
                </a:lnTo>
                <a:lnTo>
                  <a:pt x="657" y="480"/>
                </a:lnTo>
                <a:lnTo>
                  <a:pt x="651" y="495"/>
                </a:lnTo>
                <a:lnTo>
                  <a:pt x="643" y="510"/>
                </a:lnTo>
                <a:lnTo>
                  <a:pt x="636" y="525"/>
                </a:lnTo>
                <a:lnTo>
                  <a:pt x="627" y="538"/>
                </a:lnTo>
                <a:lnTo>
                  <a:pt x="617" y="551"/>
                </a:lnTo>
                <a:lnTo>
                  <a:pt x="608" y="565"/>
                </a:lnTo>
                <a:lnTo>
                  <a:pt x="598" y="576"/>
                </a:lnTo>
                <a:lnTo>
                  <a:pt x="586" y="589"/>
                </a:lnTo>
                <a:lnTo>
                  <a:pt x="575" y="601"/>
                </a:lnTo>
                <a:lnTo>
                  <a:pt x="562" y="611"/>
                </a:lnTo>
                <a:lnTo>
                  <a:pt x="549" y="621"/>
                </a:lnTo>
                <a:lnTo>
                  <a:pt x="537" y="631"/>
                </a:lnTo>
                <a:lnTo>
                  <a:pt x="523" y="640"/>
                </a:lnTo>
                <a:lnTo>
                  <a:pt x="508" y="648"/>
                </a:lnTo>
                <a:lnTo>
                  <a:pt x="493" y="655"/>
                </a:lnTo>
                <a:lnTo>
                  <a:pt x="478" y="662"/>
                </a:lnTo>
                <a:lnTo>
                  <a:pt x="462" y="667"/>
                </a:lnTo>
                <a:lnTo>
                  <a:pt x="446" y="673"/>
                </a:lnTo>
                <a:lnTo>
                  <a:pt x="429" y="678"/>
                </a:lnTo>
                <a:lnTo>
                  <a:pt x="411" y="681"/>
                </a:lnTo>
                <a:lnTo>
                  <a:pt x="394" y="685"/>
                </a:lnTo>
                <a:lnTo>
                  <a:pt x="376" y="687"/>
                </a:lnTo>
                <a:lnTo>
                  <a:pt x="357" y="688"/>
                </a:lnTo>
                <a:lnTo>
                  <a:pt x="338" y="688"/>
                </a:lnTo>
                <a:lnTo>
                  <a:pt x="338" y="688"/>
                </a:lnTo>
                <a:lnTo>
                  <a:pt x="320" y="688"/>
                </a:lnTo>
                <a:lnTo>
                  <a:pt x="303" y="687"/>
                </a:lnTo>
                <a:lnTo>
                  <a:pt x="287" y="685"/>
                </a:lnTo>
                <a:lnTo>
                  <a:pt x="270" y="681"/>
                </a:lnTo>
                <a:lnTo>
                  <a:pt x="253" y="678"/>
                </a:lnTo>
                <a:lnTo>
                  <a:pt x="237" y="673"/>
                </a:lnTo>
                <a:lnTo>
                  <a:pt x="222" y="667"/>
                </a:lnTo>
                <a:lnTo>
                  <a:pt x="206" y="662"/>
                </a:lnTo>
                <a:lnTo>
                  <a:pt x="191" y="655"/>
                </a:lnTo>
                <a:lnTo>
                  <a:pt x="177" y="648"/>
                </a:lnTo>
                <a:lnTo>
                  <a:pt x="163" y="640"/>
                </a:lnTo>
                <a:lnTo>
                  <a:pt x="149" y="631"/>
                </a:lnTo>
                <a:lnTo>
                  <a:pt x="136" y="621"/>
                </a:lnTo>
                <a:lnTo>
                  <a:pt x="123" y="611"/>
                </a:lnTo>
                <a:lnTo>
                  <a:pt x="111" y="601"/>
                </a:lnTo>
                <a:lnTo>
                  <a:pt x="99" y="589"/>
                </a:lnTo>
                <a:lnTo>
                  <a:pt x="88" y="576"/>
                </a:lnTo>
                <a:lnTo>
                  <a:pt x="77" y="565"/>
                </a:lnTo>
                <a:lnTo>
                  <a:pt x="67" y="551"/>
                </a:lnTo>
                <a:lnTo>
                  <a:pt x="58" y="538"/>
                </a:lnTo>
                <a:lnTo>
                  <a:pt x="50" y="525"/>
                </a:lnTo>
                <a:lnTo>
                  <a:pt x="40" y="510"/>
                </a:lnTo>
                <a:lnTo>
                  <a:pt x="34" y="495"/>
                </a:lnTo>
                <a:lnTo>
                  <a:pt x="27" y="480"/>
                </a:lnTo>
                <a:lnTo>
                  <a:pt x="21" y="463"/>
                </a:lnTo>
                <a:lnTo>
                  <a:pt x="15" y="447"/>
                </a:lnTo>
                <a:lnTo>
                  <a:pt x="10" y="431"/>
                </a:lnTo>
                <a:lnTo>
                  <a:pt x="7" y="415"/>
                </a:lnTo>
                <a:lnTo>
                  <a:pt x="4" y="398"/>
                </a:lnTo>
                <a:lnTo>
                  <a:pt x="2" y="381"/>
                </a:lnTo>
                <a:lnTo>
                  <a:pt x="0" y="362"/>
                </a:lnTo>
                <a:lnTo>
                  <a:pt x="0" y="345"/>
                </a:lnTo>
                <a:lnTo>
                  <a:pt x="0" y="345"/>
                </a:lnTo>
                <a:lnTo>
                  <a:pt x="0" y="328"/>
                </a:lnTo>
                <a:lnTo>
                  <a:pt x="2" y="310"/>
                </a:lnTo>
                <a:lnTo>
                  <a:pt x="4" y="293"/>
                </a:lnTo>
                <a:lnTo>
                  <a:pt x="7" y="276"/>
                </a:lnTo>
                <a:lnTo>
                  <a:pt x="10" y="260"/>
                </a:lnTo>
                <a:lnTo>
                  <a:pt x="15" y="243"/>
                </a:lnTo>
                <a:lnTo>
                  <a:pt x="21" y="227"/>
                </a:lnTo>
                <a:lnTo>
                  <a:pt x="27" y="212"/>
                </a:lnTo>
                <a:lnTo>
                  <a:pt x="34" y="197"/>
                </a:lnTo>
                <a:lnTo>
                  <a:pt x="40" y="182"/>
                </a:lnTo>
                <a:lnTo>
                  <a:pt x="50" y="167"/>
                </a:lnTo>
                <a:lnTo>
                  <a:pt x="58" y="154"/>
                </a:lnTo>
                <a:lnTo>
                  <a:pt x="67" y="140"/>
                </a:lnTo>
                <a:lnTo>
                  <a:pt x="77" y="127"/>
                </a:lnTo>
                <a:lnTo>
                  <a:pt x="88" y="114"/>
                </a:lnTo>
                <a:lnTo>
                  <a:pt x="99" y="103"/>
                </a:lnTo>
                <a:lnTo>
                  <a:pt x="111" y="91"/>
                </a:lnTo>
                <a:lnTo>
                  <a:pt x="123" y="80"/>
                </a:lnTo>
                <a:lnTo>
                  <a:pt x="136" y="69"/>
                </a:lnTo>
                <a:lnTo>
                  <a:pt x="149" y="60"/>
                </a:lnTo>
                <a:lnTo>
                  <a:pt x="163" y="51"/>
                </a:lnTo>
                <a:lnTo>
                  <a:pt x="177" y="43"/>
                </a:lnTo>
                <a:lnTo>
                  <a:pt x="191" y="35"/>
                </a:lnTo>
                <a:lnTo>
                  <a:pt x="206" y="28"/>
                </a:lnTo>
                <a:lnTo>
                  <a:pt x="222" y="22"/>
                </a:lnTo>
                <a:lnTo>
                  <a:pt x="237" y="16"/>
                </a:lnTo>
                <a:lnTo>
                  <a:pt x="253" y="12"/>
                </a:lnTo>
                <a:lnTo>
                  <a:pt x="270" y="7"/>
                </a:lnTo>
                <a:lnTo>
                  <a:pt x="287" y="5"/>
                </a:lnTo>
                <a:lnTo>
                  <a:pt x="303" y="3"/>
                </a:lnTo>
                <a:lnTo>
                  <a:pt x="320" y="1"/>
                </a:lnTo>
                <a:lnTo>
                  <a:pt x="338" y="0"/>
                </a:lnTo>
                <a:lnTo>
                  <a:pt x="338" y="0"/>
                </a:lnTo>
                <a:lnTo>
                  <a:pt x="357" y="1"/>
                </a:lnTo>
                <a:lnTo>
                  <a:pt x="376" y="3"/>
                </a:lnTo>
                <a:lnTo>
                  <a:pt x="394" y="5"/>
                </a:lnTo>
                <a:lnTo>
                  <a:pt x="411" y="7"/>
                </a:lnTo>
                <a:lnTo>
                  <a:pt x="429" y="12"/>
                </a:lnTo>
                <a:lnTo>
                  <a:pt x="446" y="16"/>
                </a:lnTo>
                <a:lnTo>
                  <a:pt x="462" y="22"/>
                </a:lnTo>
                <a:lnTo>
                  <a:pt x="478" y="28"/>
                </a:lnTo>
                <a:lnTo>
                  <a:pt x="493" y="35"/>
                </a:lnTo>
                <a:lnTo>
                  <a:pt x="508" y="43"/>
                </a:lnTo>
                <a:lnTo>
                  <a:pt x="523" y="51"/>
                </a:lnTo>
                <a:lnTo>
                  <a:pt x="537" y="60"/>
                </a:lnTo>
                <a:lnTo>
                  <a:pt x="549" y="69"/>
                </a:lnTo>
                <a:lnTo>
                  <a:pt x="562" y="80"/>
                </a:lnTo>
                <a:lnTo>
                  <a:pt x="575" y="91"/>
                </a:lnTo>
                <a:lnTo>
                  <a:pt x="586" y="103"/>
                </a:lnTo>
                <a:lnTo>
                  <a:pt x="598" y="114"/>
                </a:lnTo>
                <a:lnTo>
                  <a:pt x="608" y="127"/>
                </a:lnTo>
                <a:lnTo>
                  <a:pt x="617" y="140"/>
                </a:lnTo>
                <a:lnTo>
                  <a:pt x="627" y="154"/>
                </a:lnTo>
                <a:lnTo>
                  <a:pt x="636" y="167"/>
                </a:lnTo>
                <a:lnTo>
                  <a:pt x="643" y="182"/>
                </a:lnTo>
                <a:lnTo>
                  <a:pt x="651" y="197"/>
                </a:lnTo>
                <a:lnTo>
                  <a:pt x="657" y="212"/>
                </a:lnTo>
                <a:lnTo>
                  <a:pt x="662" y="227"/>
                </a:lnTo>
                <a:lnTo>
                  <a:pt x="668" y="243"/>
                </a:lnTo>
                <a:lnTo>
                  <a:pt x="672" y="260"/>
                </a:lnTo>
                <a:lnTo>
                  <a:pt x="675" y="276"/>
                </a:lnTo>
                <a:lnTo>
                  <a:pt x="678" y="293"/>
                </a:lnTo>
                <a:lnTo>
                  <a:pt x="681" y="310"/>
                </a:lnTo>
                <a:lnTo>
                  <a:pt x="682" y="328"/>
                </a:lnTo>
                <a:lnTo>
                  <a:pt x="682" y="345"/>
                </a:lnTo>
                <a:lnTo>
                  <a:pt x="682" y="345"/>
                </a:lnTo>
                <a:close/>
              </a:path>
            </a:pathLst>
          </a:custGeom>
          <a:solidFill>
            <a:schemeClr val="accent5"/>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82" name="Text Placeholder 4">
            <a:extLst>
              <a:ext uri="{FF2B5EF4-FFF2-40B4-BE49-F238E27FC236}">
                <a16:creationId xmlns:a16="http://schemas.microsoft.com/office/drawing/2014/main" id="{724C19AE-54C5-42FB-9C84-17A9EC0A55C0}"/>
              </a:ext>
            </a:extLst>
          </p:cNvPr>
          <p:cNvSpPr>
            <a:spLocks noGrp="1"/>
          </p:cNvSpPr>
          <p:nvPr>
            <p:ph type="body" sz="quarter" idx="52" hasCustomPrompt="1"/>
          </p:nvPr>
        </p:nvSpPr>
        <p:spPr>
          <a:xfrm>
            <a:off x="640203" y="3446231"/>
            <a:ext cx="3126773" cy="1260708"/>
          </a:xfrm>
        </p:spPr>
        <p:txBody>
          <a:bodyPr anchor="t">
            <a:noAutofit/>
          </a:bodyPr>
          <a:lstStyle>
            <a:lvl1pPr marL="0" indent="0" algn="r">
              <a:buNone/>
              <a:defRPr sz="2133">
                <a:solidFill>
                  <a:schemeClr val="tx1"/>
                </a:solidFill>
              </a:defRPr>
            </a:lvl1pPr>
          </a:lstStyle>
          <a:p>
            <a:r>
              <a:rPr lang="en-US" noProof="0" dirty="0"/>
              <a:t>This is a sample text. Insert your desired text here.</a:t>
            </a:r>
          </a:p>
        </p:txBody>
      </p:sp>
      <p:sp>
        <p:nvSpPr>
          <p:cNvPr id="83" name="Text Placeholder 4">
            <a:extLst>
              <a:ext uri="{FF2B5EF4-FFF2-40B4-BE49-F238E27FC236}">
                <a16:creationId xmlns:a16="http://schemas.microsoft.com/office/drawing/2014/main" id="{F20781B4-E3B6-45FD-B2B9-AC63A144680E}"/>
              </a:ext>
            </a:extLst>
          </p:cNvPr>
          <p:cNvSpPr>
            <a:spLocks noGrp="1"/>
          </p:cNvSpPr>
          <p:nvPr>
            <p:ph type="body" sz="quarter" idx="53" hasCustomPrompt="1"/>
          </p:nvPr>
        </p:nvSpPr>
        <p:spPr>
          <a:xfrm>
            <a:off x="640203" y="2815462"/>
            <a:ext cx="3126773" cy="633943"/>
          </a:xfrm>
        </p:spPr>
        <p:txBody>
          <a:bodyPr anchor="b">
            <a:noAutofit/>
          </a:bodyPr>
          <a:lstStyle>
            <a:lvl1pPr marL="0" indent="0" algn="r">
              <a:buNone/>
              <a:defRPr sz="2933">
                <a:solidFill>
                  <a:schemeClr val="tx1"/>
                </a:solidFill>
              </a:defRPr>
            </a:lvl1pPr>
          </a:lstStyle>
          <a:p>
            <a:r>
              <a:rPr lang="en-US" noProof="0" dirty="0"/>
              <a:t>Your text here</a:t>
            </a:r>
          </a:p>
        </p:txBody>
      </p:sp>
      <p:sp>
        <p:nvSpPr>
          <p:cNvPr id="86" name="Freeform 9">
            <a:extLst>
              <a:ext uri="{FF2B5EF4-FFF2-40B4-BE49-F238E27FC236}">
                <a16:creationId xmlns:a16="http://schemas.microsoft.com/office/drawing/2014/main" id="{BEA2FE3A-6731-4984-A811-5234A74C1230}"/>
              </a:ext>
            </a:extLst>
          </p:cNvPr>
          <p:cNvSpPr>
            <a:spLocks/>
          </p:cNvSpPr>
          <p:nvPr userDrawn="1"/>
        </p:nvSpPr>
        <p:spPr bwMode="auto">
          <a:xfrm>
            <a:off x="3766976" y="3080392"/>
            <a:ext cx="216789" cy="216789"/>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rgbClr val="FFCE5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88" name="Text Placeholder 4">
            <a:extLst>
              <a:ext uri="{FF2B5EF4-FFF2-40B4-BE49-F238E27FC236}">
                <a16:creationId xmlns:a16="http://schemas.microsoft.com/office/drawing/2014/main" id="{0AD058C3-06FB-4DF8-BD10-6991A0BC868F}"/>
              </a:ext>
            </a:extLst>
          </p:cNvPr>
          <p:cNvSpPr>
            <a:spLocks noGrp="1"/>
          </p:cNvSpPr>
          <p:nvPr>
            <p:ph type="body" sz="quarter" idx="56" hasCustomPrompt="1"/>
          </p:nvPr>
        </p:nvSpPr>
        <p:spPr>
          <a:xfrm>
            <a:off x="8425024" y="2724814"/>
            <a:ext cx="3157376" cy="1137393"/>
          </a:xfrm>
        </p:spPr>
        <p:txBody>
          <a:bodyPr anchor="t">
            <a:noAutofit/>
          </a:bodyPr>
          <a:lstStyle>
            <a:lvl1pPr marL="0" indent="0" algn="l">
              <a:buNone/>
              <a:defRPr sz="2133">
                <a:solidFill>
                  <a:schemeClr val="tx1"/>
                </a:solidFill>
              </a:defRPr>
            </a:lvl1pPr>
          </a:lstStyle>
          <a:p>
            <a:r>
              <a:rPr lang="en-US" noProof="0" dirty="0"/>
              <a:t>Insert your desired text here</a:t>
            </a:r>
          </a:p>
        </p:txBody>
      </p:sp>
      <p:sp>
        <p:nvSpPr>
          <p:cNvPr id="89" name="Text Placeholder 4">
            <a:extLst>
              <a:ext uri="{FF2B5EF4-FFF2-40B4-BE49-F238E27FC236}">
                <a16:creationId xmlns:a16="http://schemas.microsoft.com/office/drawing/2014/main" id="{D4ECAA40-06E4-4916-8971-281740AB3743}"/>
              </a:ext>
            </a:extLst>
          </p:cNvPr>
          <p:cNvSpPr>
            <a:spLocks noGrp="1"/>
          </p:cNvSpPr>
          <p:nvPr>
            <p:ph type="body" sz="quarter" idx="57" hasCustomPrompt="1"/>
          </p:nvPr>
        </p:nvSpPr>
        <p:spPr>
          <a:xfrm>
            <a:off x="8425024" y="2094045"/>
            <a:ext cx="3157376" cy="633943"/>
          </a:xfrm>
        </p:spPr>
        <p:txBody>
          <a:bodyPr anchor="b">
            <a:noAutofit/>
          </a:bodyPr>
          <a:lstStyle>
            <a:lvl1pPr marL="0" indent="0" algn="l">
              <a:buNone/>
              <a:defRPr sz="2933">
                <a:solidFill>
                  <a:schemeClr val="tx1"/>
                </a:solidFill>
              </a:defRPr>
            </a:lvl1pPr>
          </a:lstStyle>
          <a:p>
            <a:r>
              <a:rPr lang="en-US" noProof="0" dirty="0"/>
              <a:t>Your text here</a:t>
            </a:r>
          </a:p>
        </p:txBody>
      </p:sp>
      <p:sp>
        <p:nvSpPr>
          <p:cNvPr id="90" name="Text Placeholder 4">
            <a:extLst>
              <a:ext uri="{FF2B5EF4-FFF2-40B4-BE49-F238E27FC236}">
                <a16:creationId xmlns:a16="http://schemas.microsoft.com/office/drawing/2014/main" id="{304F87C2-3411-4349-BF7B-559EAF1E5342}"/>
              </a:ext>
            </a:extLst>
          </p:cNvPr>
          <p:cNvSpPr>
            <a:spLocks noGrp="1"/>
          </p:cNvSpPr>
          <p:nvPr>
            <p:ph type="body" sz="quarter" idx="58" hasCustomPrompt="1"/>
          </p:nvPr>
        </p:nvSpPr>
        <p:spPr>
          <a:xfrm>
            <a:off x="8425024" y="4706940"/>
            <a:ext cx="3157376" cy="1137393"/>
          </a:xfrm>
        </p:spPr>
        <p:txBody>
          <a:bodyPr anchor="t">
            <a:noAutofit/>
          </a:bodyPr>
          <a:lstStyle>
            <a:lvl1pPr marL="0" indent="0" algn="l">
              <a:buNone/>
              <a:defRPr sz="2133">
                <a:solidFill>
                  <a:schemeClr val="tx1"/>
                </a:solidFill>
              </a:defRPr>
            </a:lvl1pPr>
          </a:lstStyle>
          <a:p>
            <a:r>
              <a:rPr lang="en-US" noProof="0" dirty="0"/>
              <a:t>Insert your desired text here</a:t>
            </a:r>
          </a:p>
        </p:txBody>
      </p:sp>
      <p:sp>
        <p:nvSpPr>
          <p:cNvPr id="91" name="Text Placeholder 4">
            <a:extLst>
              <a:ext uri="{FF2B5EF4-FFF2-40B4-BE49-F238E27FC236}">
                <a16:creationId xmlns:a16="http://schemas.microsoft.com/office/drawing/2014/main" id="{BF180BDB-4BFB-4C8A-A32D-99F668DACF8B}"/>
              </a:ext>
            </a:extLst>
          </p:cNvPr>
          <p:cNvSpPr>
            <a:spLocks noGrp="1"/>
          </p:cNvSpPr>
          <p:nvPr>
            <p:ph type="body" sz="quarter" idx="59" hasCustomPrompt="1"/>
          </p:nvPr>
        </p:nvSpPr>
        <p:spPr>
          <a:xfrm>
            <a:off x="8425024" y="4076170"/>
            <a:ext cx="3157376" cy="633943"/>
          </a:xfrm>
        </p:spPr>
        <p:txBody>
          <a:bodyPr anchor="b">
            <a:noAutofit/>
          </a:bodyPr>
          <a:lstStyle>
            <a:lvl1pPr marL="0" indent="0" algn="l">
              <a:buNone/>
              <a:defRPr sz="2933">
                <a:solidFill>
                  <a:schemeClr val="tx1"/>
                </a:solidFill>
              </a:defRPr>
            </a:lvl1pPr>
          </a:lstStyle>
          <a:p>
            <a:r>
              <a:rPr lang="en-US" noProof="0" dirty="0"/>
              <a:t>Your text here</a:t>
            </a:r>
          </a:p>
        </p:txBody>
      </p:sp>
      <p:sp>
        <p:nvSpPr>
          <p:cNvPr id="92" name="Freeform 9">
            <a:extLst>
              <a:ext uri="{FF2B5EF4-FFF2-40B4-BE49-F238E27FC236}">
                <a16:creationId xmlns:a16="http://schemas.microsoft.com/office/drawing/2014/main" id="{591EFD12-9B2B-4F04-800B-4A49761CBD4B}"/>
              </a:ext>
            </a:extLst>
          </p:cNvPr>
          <p:cNvSpPr>
            <a:spLocks/>
          </p:cNvSpPr>
          <p:nvPr userDrawn="1"/>
        </p:nvSpPr>
        <p:spPr bwMode="auto">
          <a:xfrm>
            <a:off x="8208235" y="2358975"/>
            <a:ext cx="216789" cy="216789"/>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chemeClr val="accent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93" name="Freeform 9">
            <a:extLst>
              <a:ext uri="{FF2B5EF4-FFF2-40B4-BE49-F238E27FC236}">
                <a16:creationId xmlns:a16="http://schemas.microsoft.com/office/drawing/2014/main" id="{769D7025-D364-428E-B954-AAEE139B4E8F}"/>
              </a:ext>
            </a:extLst>
          </p:cNvPr>
          <p:cNvSpPr>
            <a:spLocks/>
          </p:cNvSpPr>
          <p:nvPr userDrawn="1"/>
        </p:nvSpPr>
        <p:spPr bwMode="auto">
          <a:xfrm>
            <a:off x="8208235" y="4366286"/>
            <a:ext cx="216789" cy="216789"/>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chemeClr val="accent5"/>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Tree>
    <p:extLst>
      <p:ext uri="{BB962C8B-B14F-4D97-AF65-F5344CB8AC3E}">
        <p14:creationId xmlns:p14="http://schemas.microsoft.com/office/powerpoint/2010/main" val="3156823344"/>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1_©Templateswise.com - Question Mark Diagram 2">
    <p:spTree>
      <p:nvGrpSpPr>
        <p:cNvPr id="1" name=""/>
        <p:cNvGrpSpPr/>
        <p:nvPr/>
      </p:nvGrpSpPr>
      <p:grpSpPr>
        <a:xfrm>
          <a:off x="0" y="0"/>
          <a:ext cx="0" cy="0"/>
          <a:chOff x="0" y="0"/>
          <a:chExt cx="0" cy="0"/>
        </a:xfrm>
      </p:grpSpPr>
      <p:sp>
        <p:nvSpPr>
          <p:cNvPr id="2" name="Title 1"/>
          <p:cNvSpPr>
            <a:spLocks noGrp="1"/>
          </p:cNvSpPr>
          <p:nvPr>
            <p:ph type="title" hasCustomPrompt="1"/>
          </p:nvPr>
        </p:nvSpPr>
        <p:spPr/>
        <p:txBody>
          <a:bodyPr/>
          <a:lstStyle>
            <a:lvl1pPr>
              <a:defRPr baseline="0">
                <a:solidFill>
                  <a:schemeClr val="tx2"/>
                </a:solidFill>
              </a:defRPr>
            </a:lvl1pPr>
          </a:lstStyle>
          <a:p>
            <a:r>
              <a:rPr lang="en-US" noProof="0" dirty="0"/>
              <a:t>Question Mark Diagram</a:t>
            </a:r>
          </a:p>
        </p:txBody>
      </p:sp>
      <p:sp>
        <p:nvSpPr>
          <p:cNvPr id="206" name="Date Placeholder 2">
            <a:extLst>
              <a:ext uri="{FF2B5EF4-FFF2-40B4-BE49-F238E27FC236}">
                <a16:creationId xmlns:a16="http://schemas.microsoft.com/office/drawing/2014/main" id="{51A97954-EE0F-44F0-9778-C590E8384540}"/>
              </a:ext>
            </a:extLst>
          </p:cNvPr>
          <p:cNvSpPr>
            <a:spLocks noGrp="1"/>
          </p:cNvSpPr>
          <p:nvPr>
            <p:ph type="dt" sz="half" idx="10"/>
          </p:nvPr>
        </p:nvSpPr>
        <p:spPr>
          <a:xfrm>
            <a:off x="609600" y="6356351"/>
            <a:ext cx="2844800" cy="365125"/>
          </a:xfrm>
        </p:spPr>
        <p:txBody>
          <a:bodyPr/>
          <a:lstStyle>
            <a:lvl1pPr>
              <a:defRPr>
                <a:solidFill>
                  <a:schemeClr val="bg1">
                    <a:lumMod val="65000"/>
                  </a:schemeClr>
                </a:solidFill>
              </a:defRPr>
            </a:lvl1pPr>
          </a:lstStyle>
          <a:p>
            <a:pPr defTabSz="1219170"/>
            <a:fld id="{FFF30096-E2FA-4C53-8FFA-C198FACBBC31}" type="datetimeFigureOut">
              <a:rPr lang="en-US" smtClean="0">
                <a:solidFill>
                  <a:srgbClr val="FFFFFF">
                    <a:lumMod val="65000"/>
                  </a:srgbClr>
                </a:solidFill>
              </a:rPr>
              <a:pPr defTabSz="1219170"/>
              <a:t>9/8/2024</a:t>
            </a:fld>
            <a:endParaRPr lang="en-US" dirty="0">
              <a:solidFill>
                <a:srgbClr val="FFFFFF">
                  <a:lumMod val="65000"/>
                </a:srgbClr>
              </a:solidFill>
            </a:endParaRPr>
          </a:p>
        </p:txBody>
      </p:sp>
      <p:sp>
        <p:nvSpPr>
          <p:cNvPr id="207" name="Footer Placeholder 3">
            <a:extLst>
              <a:ext uri="{FF2B5EF4-FFF2-40B4-BE49-F238E27FC236}">
                <a16:creationId xmlns:a16="http://schemas.microsoft.com/office/drawing/2014/main" id="{12CC8AFD-59BF-4CC0-9B1E-BB70E2E593B5}"/>
              </a:ext>
            </a:extLst>
          </p:cNvPr>
          <p:cNvSpPr>
            <a:spLocks noGrp="1"/>
          </p:cNvSpPr>
          <p:nvPr>
            <p:ph type="ftr" sz="quarter" idx="11"/>
          </p:nvPr>
        </p:nvSpPr>
        <p:spPr>
          <a:xfrm>
            <a:off x="4165600" y="6356351"/>
            <a:ext cx="3860800" cy="365125"/>
          </a:xfrm>
        </p:spPr>
        <p:txBody>
          <a:bodyPr/>
          <a:lstStyle>
            <a:lvl1pPr>
              <a:defRPr>
                <a:solidFill>
                  <a:schemeClr val="bg1">
                    <a:lumMod val="65000"/>
                  </a:schemeClr>
                </a:solidFill>
              </a:defRPr>
            </a:lvl1pPr>
          </a:lstStyle>
          <a:p>
            <a:pPr defTabSz="1219170"/>
            <a:endParaRPr lang="en-US" dirty="0">
              <a:solidFill>
                <a:srgbClr val="FFFFFF">
                  <a:lumMod val="65000"/>
                </a:srgbClr>
              </a:solidFill>
            </a:endParaRPr>
          </a:p>
        </p:txBody>
      </p:sp>
      <p:sp>
        <p:nvSpPr>
          <p:cNvPr id="208" name="Slide Number Placeholder 4">
            <a:extLst>
              <a:ext uri="{FF2B5EF4-FFF2-40B4-BE49-F238E27FC236}">
                <a16:creationId xmlns:a16="http://schemas.microsoft.com/office/drawing/2014/main" id="{57B38BE2-5567-4D76-BC7D-1F789CF49B05}"/>
              </a:ext>
            </a:extLst>
          </p:cNvPr>
          <p:cNvSpPr>
            <a:spLocks noGrp="1"/>
          </p:cNvSpPr>
          <p:nvPr>
            <p:ph type="sldNum" sz="quarter" idx="12"/>
          </p:nvPr>
        </p:nvSpPr>
        <p:spPr>
          <a:xfrm>
            <a:off x="8737600" y="6356351"/>
            <a:ext cx="2844800" cy="365125"/>
          </a:xfrm>
        </p:spPr>
        <p:txBody>
          <a:bodyPr/>
          <a:lstStyle>
            <a:lvl1pPr>
              <a:defRPr>
                <a:solidFill>
                  <a:schemeClr val="bg1">
                    <a:lumMod val="65000"/>
                  </a:schemeClr>
                </a:solidFill>
              </a:defRPr>
            </a:lvl1pPr>
          </a:lstStyle>
          <a:p>
            <a:pPr defTabSz="1219170"/>
            <a:fld id="{BE6EB2CE-F8EE-47A0-A8D1-750600A29654}" type="slidenum">
              <a:rPr lang="en-US" smtClean="0">
                <a:solidFill>
                  <a:srgbClr val="FFFFFF">
                    <a:lumMod val="65000"/>
                  </a:srgbClr>
                </a:solidFill>
              </a:rPr>
              <a:pPr defTabSz="1219170"/>
              <a:t>‹#›</a:t>
            </a:fld>
            <a:endParaRPr lang="en-US" dirty="0">
              <a:solidFill>
                <a:srgbClr val="FFFFFF">
                  <a:lumMod val="65000"/>
                </a:srgbClr>
              </a:solidFill>
            </a:endParaRPr>
          </a:p>
        </p:txBody>
      </p:sp>
      <p:sp>
        <p:nvSpPr>
          <p:cNvPr id="82" name="Text Placeholder 4">
            <a:extLst>
              <a:ext uri="{FF2B5EF4-FFF2-40B4-BE49-F238E27FC236}">
                <a16:creationId xmlns:a16="http://schemas.microsoft.com/office/drawing/2014/main" id="{724C19AE-54C5-42FB-9C84-17A9EC0A55C0}"/>
              </a:ext>
            </a:extLst>
          </p:cNvPr>
          <p:cNvSpPr>
            <a:spLocks noGrp="1"/>
          </p:cNvSpPr>
          <p:nvPr>
            <p:ph type="body" sz="quarter" idx="52" hasCustomPrompt="1"/>
          </p:nvPr>
        </p:nvSpPr>
        <p:spPr>
          <a:xfrm>
            <a:off x="640203" y="2937146"/>
            <a:ext cx="3126773" cy="2014681"/>
          </a:xfrm>
        </p:spPr>
        <p:txBody>
          <a:bodyPr anchor="t">
            <a:noAutofit/>
          </a:bodyPr>
          <a:lstStyle>
            <a:lvl1pPr marL="0" indent="0" algn="r">
              <a:buNone/>
              <a:defRPr sz="2133">
                <a:solidFill>
                  <a:schemeClr val="tx1"/>
                </a:solidFill>
              </a:defRPr>
            </a:lvl1pPr>
          </a:lstStyle>
          <a:p>
            <a:r>
              <a:rPr lang="en-US" noProof="0" dirty="0"/>
              <a:t>This is a sample text. Insert your desired text here.</a:t>
            </a:r>
          </a:p>
        </p:txBody>
      </p:sp>
      <p:sp>
        <p:nvSpPr>
          <p:cNvPr id="83" name="Text Placeholder 4">
            <a:extLst>
              <a:ext uri="{FF2B5EF4-FFF2-40B4-BE49-F238E27FC236}">
                <a16:creationId xmlns:a16="http://schemas.microsoft.com/office/drawing/2014/main" id="{F20781B4-E3B6-45FD-B2B9-AC63A144680E}"/>
              </a:ext>
            </a:extLst>
          </p:cNvPr>
          <p:cNvSpPr>
            <a:spLocks noGrp="1"/>
          </p:cNvSpPr>
          <p:nvPr>
            <p:ph type="body" sz="quarter" idx="53" hasCustomPrompt="1"/>
          </p:nvPr>
        </p:nvSpPr>
        <p:spPr>
          <a:xfrm>
            <a:off x="640203" y="2306377"/>
            <a:ext cx="3126773" cy="633943"/>
          </a:xfrm>
        </p:spPr>
        <p:txBody>
          <a:bodyPr anchor="b">
            <a:noAutofit/>
          </a:bodyPr>
          <a:lstStyle>
            <a:lvl1pPr marL="0" indent="0" algn="r">
              <a:buNone/>
              <a:defRPr sz="2933">
                <a:solidFill>
                  <a:schemeClr val="tx1"/>
                </a:solidFill>
              </a:defRPr>
            </a:lvl1pPr>
          </a:lstStyle>
          <a:p>
            <a:r>
              <a:rPr lang="en-US" noProof="0" dirty="0"/>
              <a:t>Your text here</a:t>
            </a:r>
          </a:p>
        </p:txBody>
      </p:sp>
      <p:sp>
        <p:nvSpPr>
          <p:cNvPr id="86" name="Freeform 9">
            <a:extLst>
              <a:ext uri="{FF2B5EF4-FFF2-40B4-BE49-F238E27FC236}">
                <a16:creationId xmlns:a16="http://schemas.microsoft.com/office/drawing/2014/main" id="{BEA2FE3A-6731-4984-A811-5234A74C1230}"/>
              </a:ext>
            </a:extLst>
          </p:cNvPr>
          <p:cNvSpPr>
            <a:spLocks/>
          </p:cNvSpPr>
          <p:nvPr userDrawn="1"/>
        </p:nvSpPr>
        <p:spPr bwMode="auto">
          <a:xfrm>
            <a:off x="3766976" y="2571307"/>
            <a:ext cx="216789" cy="216789"/>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rgbClr val="FFCE5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88" name="Text Placeholder 4">
            <a:extLst>
              <a:ext uri="{FF2B5EF4-FFF2-40B4-BE49-F238E27FC236}">
                <a16:creationId xmlns:a16="http://schemas.microsoft.com/office/drawing/2014/main" id="{0AD058C3-06FB-4DF8-BD10-6991A0BC868F}"/>
              </a:ext>
            </a:extLst>
          </p:cNvPr>
          <p:cNvSpPr>
            <a:spLocks noGrp="1"/>
          </p:cNvSpPr>
          <p:nvPr>
            <p:ph type="body" sz="quarter" idx="56" hasCustomPrompt="1"/>
          </p:nvPr>
        </p:nvSpPr>
        <p:spPr>
          <a:xfrm>
            <a:off x="8425024" y="4059916"/>
            <a:ext cx="3157376" cy="2014681"/>
          </a:xfrm>
        </p:spPr>
        <p:txBody>
          <a:bodyPr anchor="t">
            <a:noAutofit/>
          </a:bodyPr>
          <a:lstStyle>
            <a:lvl1pPr marL="0" indent="0" algn="l">
              <a:buNone/>
              <a:defRPr sz="2133">
                <a:solidFill>
                  <a:schemeClr val="tx1"/>
                </a:solidFill>
              </a:defRPr>
            </a:lvl1pPr>
          </a:lstStyle>
          <a:p>
            <a:r>
              <a:rPr lang="en-US" noProof="0" dirty="0"/>
              <a:t>This is a sample text. Insert your desired text here.</a:t>
            </a:r>
          </a:p>
        </p:txBody>
      </p:sp>
      <p:sp>
        <p:nvSpPr>
          <p:cNvPr id="89" name="Text Placeholder 4">
            <a:extLst>
              <a:ext uri="{FF2B5EF4-FFF2-40B4-BE49-F238E27FC236}">
                <a16:creationId xmlns:a16="http://schemas.microsoft.com/office/drawing/2014/main" id="{D4ECAA40-06E4-4916-8971-281740AB3743}"/>
              </a:ext>
            </a:extLst>
          </p:cNvPr>
          <p:cNvSpPr>
            <a:spLocks noGrp="1"/>
          </p:cNvSpPr>
          <p:nvPr>
            <p:ph type="body" sz="quarter" idx="57" hasCustomPrompt="1"/>
          </p:nvPr>
        </p:nvSpPr>
        <p:spPr>
          <a:xfrm>
            <a:off x="8425024" y="3429146"/>
            <a:ext cx="3157376" cy="633943"/>
          </a:xfrm>
        </p:spPr>
        <p:txBody>
          <a:bodyPr anchor="b">
            <a:noAutofit/>
          </a:bodyPr>
          <a:lstStyle>
            <a:lvl1pPr marL="0" indent="0" algn="l">
              <a:buNone/>
              <a:defRPr sz="2933">
                <a:solidFill>
                  <a:schemeClr val="tx1"/>
                </a:solidFill>
              </a:defRPr>
            </a:lvl1pPr>
          </a:lstStyle>
          <a:p>
            <a:r>
              <a:rPr lang="en-US" noProof="0" dirty="0"/>
              <a:t>Your text here</a:t>
            </a:r>
          </a:p>
        </p:txBody>
      </p:sp>
      <p:sp>
        <p:nvSpPr>
          <p:cNvPr id="92" name="Freeform 9">
            <a:extLst>
              <a:ext uri="{FF2B5EF4-FFF2-40B4-BE49-F238E27FC236}">
                <a16:creationId xmlns:a16="http://schemas.microsoft.com/office/drawing/2014/main" id="{591EFD12-9B2B-4F04-800B-4A49761CBD4B}"/>
              </a:ext>
            </a:extLst>
          </p:cNvPr>
          <p:cNvSpPr>
            <a:spLocks/>
          </p:cNvSpPr>
          <p:nvPr userDrawn="1"/>
        </p:nvSpPr>
        <p:spPr bwMode="auto">
          <a:xfrm>
            <a:off x="8208235" y="3694076"/>
            <a:ext cx="216789" cy="216789"/>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chemeClr val="accent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8" name="Freeform 6">
            <a:extLst>
              <a:ext uri="{FF2B5EF4-FFF2-40B4-BE49-F238E27FC236}">
                <a16:creationId xmlns:a16="http://schemas.microsoft.com/office/drawing/2014/main" id="{A0A5A46A-770C-41C2-B0EF-B1C196C7EBF6}"/>
              </a:ext>
            </a:extLst>
          </p:cNvPr>
          <p:cNvSpPr>
            <a:spLocks/>
          </p:cNvSpPr>
          <p:nvPr userDrawn="1"/>
        </p:nvSpPr>
        <p:spPr bwMode="auto">
          <a:xfrm>
            <a:off x="5736168" y="5145618"/>
            <a:ext cx="719667" cy="728133"/>
          </a:xfrm>
          <a:custGeom>
            <a:avLst/>
            <a:gdLst>
              <a:gd name="T0" fmla="*/ 320 w 682"/>
              <a:gd name="T1" fmla="*/ 1 h 688"/>
              <a:gd name="T2" fmla="*/ 270 w 682"/>
              <a:gd name="T3" fmla="*/ 7 h 688"/>
              <a:gd name="T4" fmla="*/ 222 w 682"/>
              <a:gd name="T5" fmla="*/ 22 h 688"/>
              <a:gd name="T6" fmla="*/ 177 w 682"/>
              <a:gd name="T7" fmla="*/ 43 h 688"/>
              <a:gd name="T8" fmla="*/ 136 w 682"/>
              <a:gd name="T9" fmla="*/ 69 h 688"/>
              <a:gd name="T10" fmla="*/ 99 w 682"/>
              <a:gd name="T11" fmla="*/ 103 h 688"/>
              <a:gd name="T12" fmla="*/ 67 w 682"/>
              <a:gd name="T13" fmla="*/ 140 h 688"/>
              <a:gd name="T14" fmla="*/ 40 w 682"/>
              <a:gd name="T15" fmla="*/ 182 h 688"/>
              <a:gd name="T16" fmla="*/ 21 w 682"/>
              <a:gd name="T17" fmla="*/ 227 h 688"/>
              <a:gd name="T18" fmla="*/ 7 w 682"/>
              <a:gd name="T19" fmla="*/ 276 h 688"/>
              <a:gd name="T20" fmla="*/ 0 w 682"/>
              <a:gd name="T21" fmla="*/ 328 h 688"/>
              <a:gd name="T22" fmla="*/ 0 w 682"/>
              <a:gd name="T23" fmla="*/ 362 h 688"/>
              <a:gd name="T24" fmla="*/ 7 w 682"/>
              <a:gd name="T25" fmla="*/ 415 h 688"/>
              <a:gd name="T26" fmla="*/ 21 w 682"/>
              <a:gd name="T27" fmla="*/ 463 h 688"/>
              <a:gd name="T28" fmla="*/ 40 w 682"/>
              <a:gd name="T29" fmla="*/ 510 h 688"/>
              <a:gd name="T30" fmla="*/ 67 w 682"/>
              <a:gd name="T31" fmla="*/ 551 h 688"/>
              <a:gd name="T32" fmla="*/ 99 w 682"/>
              <a:gd name="T33" fmla="*/ 589 h 688"/>
              <a:gd name="T34" fmla="*/ 136 w 682"/>
              <a:gd name="T35" fmla="*/ 621 h 688"/>
              <a:gd name="T36" fmla="*/ 177 w 682"/>
              <a:gd name="T37" fmla="*/ 648 h 688"/>
              <a:gd name="T38" fmla="*/ 222 w 682"/>
              <a:gd name="T39" fmla="*/ 667 h 688"/>
              <a:gd name="T40" fmla="*/ 270 w 682"/>
              <a:gd name="T41" fmla="*/ 681 h 688"/>
              <a:gd name="T42" fmla="*/ 320 w 682"/>
              <a:gd name="T43" fmla="*/ 688 h 688"/>
              <a:gd name="T44" fmla="*/ 357 w 682"/>
              <a:gd name="T45" fmla="*/ 688 h 688"/>
              <a:gd name="T46" fmla="*/ 411 w 682"/>
              <a:gd name="T47" fmla="*/ 681 h 688"/>
              <a:gd name="T48" fmla="*/ 462 w 682"/>
              <a:gd name="T49" fmla="*/ 667 h 688"/>
              <a:gd name="T50" fmla="*/ 508 w 682"/>
              <a:gd name="T51" fmla="*/ 648 h 688"/>
              <a:gd name="T52" fmla="*/ 549 w 682"/>
              <a:gd name="T53" fmla="*/ 621 h 688"/>
              <a:gd name="T54" fmla="*/ 586 w 682"/>
              <a:gd name="T55" fmla="*/ 589 h 688"/>
              <a:gd name="T56" fmla="*/ 617 w 682"/>
              <a:gd name="T57" fmla="*/ 551 h 688"/>
              <a:gd name="T58" fmla="*/ 643 w 682"/>
              <a:gd name="T59" fmla="*/ 510 h 688"/>
              <a:gd name="T60" fmla="*/ 662 w 682"/>
              <a:gd name="T61" fmla="*/ 463 h 688"/>
              <a:gd name="T62" fmla="*/ 675 w 682"/>
              <a:gd name="T63" fmla="*/ 415 h 688"/>
              <a:gd name="T64" fmla="*/ 682 w 682"/>
              <a:gd name="T65" fmla="*/ 362 h 688"/>
              <a:gd name="T66" fmla="*/ 682 w 682"/>
              <a:gd name="T67" fmla="*/ 328 h 688"/>
              <a:gd name="T68" fmla="*/ 675 w 682"/>
              <a:gd name="T69" fmla="*/ 276 h 688"/>
              <a:gd name="T70" fmla="*/ 662 w 682"/>
              <a:gd name="T71" fmla="*/ 227 h 688"/>
              <a:gd name="T72" fmla="*/ 643 w 682"/>
              <a:gd name="T73" fmla="*/ 182 h 688"/>
              <a:gd name="T74" fmla="*/ 617 w 682"/>
              <a:gd name="T75" fmla="*/ 140 h 688"/>
              <a:gd name="T76" fmla="*/ 586 w 682"/>
              <a:gd name="T77" fmla="*/ 103 h 688"/>
              <a:gd name="T78" fmla="*/ 549 w 682"/>
              <a:gd name="T79" fmla="*/ 69 h 688"/>
              <a:gd name="T80" fmla="*/ 508 w 682"/>
              <a:gd name="T81" fmla="*/ 43 h 688"/>
              <a:gd name="T82" fmla="*/ 462 w 682"/>
              <a:gd name="T83" fmla="*/ 22 h 688"/>
              <a:gd name="T84" fmla="*/ 411 w 682"/>
              <a:gd name="T85" fmla="*/ 7 h 688"/>
              <a:gd name="T86" fmla="*/ 357 w 682"/>
              <a:gd name="T87" fmla="*/ 1 h 68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Lst>
            <a:rect l="0" t="0" r="r" b="b"/>
            <a:pathLst>
              <a:path w="682" h="688">
                <a:moveTo>
                  <a:pt x="338" y="0"/>
                </a:moveTo>
                <a:lnTo>
                  <a:pt x="338" y="0"/>
                </a:lnTo>
                <a:lnTo>
                  <a:pt x="320" y="1"/>
                </a:lnTo>
                <a:lnTo>
                  <a:pt x="303" y="3"/>
                </a:lnTo>
                <a:lnTo>
                  <a:pt x="287" y="5"/>
                </a:lnTo>
                <a:lnTo>
                  <a:pt x="270" y="7"/>
                </a:lnTo>
                <a:lnTo>
                  <a:pt x="253" y="12"/>
                </a:lnTo>
                <a:lnTo>
                  <a:pt x="237" y="16"/>
                </a:lnTo>
                <a:lnTo>
                  <a:pt x="222" y="22"/>
                </a:lnTo>
                <a:lnTo>
                  <a:pt x="206" y="28"/>
                </a:lnTo>
                <a:lnTo>
                  <a:pt x="191" y="35"/>
                </a:lnTo>
                <a:lnTo>
                  <a:pt x="177" y="43"/>
                </a:lnTo>
                <a:lnTo>
                  <a:pt x="163" y="51"/>
                </a:lnTo>
                <a:lnTo>
                  <a:pt x="149" y="60"/>
                </a:lnTo>
                <a:lnTo>
                  <a:pt x="136" y="69"/>
                </a:lnTo>
                <a:lnTo>
                  <a:pt x="123" y="80"/>
                </a:lnTo>
                <a:lnTo>
                  <a:pt x="111" y="91"/>
                </a:lnTo>
                <a:lnTo>
                  <a:pt x="99" y="103"/>
                </a:lnTo>
                <a:lnTo>
                  <a:pt x="88" y="114"/>
                </a:lnTo>
                <a:lnTo>
                  <a:pt x="77" y="127"/>
                </a:lnTo>
                <a:lnTo>
                  <a:pt x="67" y="140"/>
                </a:lnTo>
                <a:lnTo>
                  <a:pt x="58" y="154"/>
                </a:lnTo>
                <a:lnTo>
                  <a:pt x="50" y="167"/>
                </a:lnTo>
                <a:lnTo>
                  <a:pt x="40" y="182"/>
                </a:lnTo>
                <a:lnTo>
                  <a:pt x="34" y="197"/>
                </a:lnTo>
                <a:lnTo>
                  <a:pt x="27" y="212"/>
                </a:lnTo>
                <a:lnTo>
                  <a:pt x="21" y="227"/>
                </a:lnTo>
                <a:lnTo>
                  <a:pt x="15" y="243"/>
                </a:lnTo>
                <a:lnTo>
                  <a:pt x="10" y="260"/>
                </a:lnTo>
                <a:lnTo>
                  <a:pt x="7" y="276"/>
                </a:lnTo>
                <a:lnTo>
                  <a:pt x="4" y="293"/>
                </a:lnTo>
                <a:lnTo>
                  <a:pt x="2" y="310"/>
                </a:lnTo>
                <a:lnTo>
                  <a:pt x="0" y="328"/>
                </a:lnTo>
                <a:lnTo>
                  <a:pt x="0" y="345"/>
                </a:lnTo>
                <a:lnTo>
                  <a:pt x="0" y="345"/>
                </a:lnTo>
                <a:lnTo>
                  <a:pt x="0" y="362"/>
                </a:lnTo>
                <a:lnTo>
                  <a:pt x="2" y="381"/>
                </a:lnTo>
                <a:lnTo>
                  <a:pt x="4" y="398"/>
                </a:lnTo>
                <a:lnTo>
                  <a:pt x="7" y="415"/>
                </a:lnTo>
                <a:lnTo>
                  <a:pt x="10" y="431"/>
                </a:lnTo>
                <a:lnTo>
                  <a:pt x="15" y="447"/>
                </a:lnTo>
                <a:lnTo>
                  <a:pt x="21" y="463"/>
                </a:lnTo>
                <a:lnTo>
                  <a:pt x="27" y="480"/>
                </a:lnTo>
                <a:lnTo>
                  <a:pt x="34" y="495"/>
                </a:lnTo>
                <a:lnTo>
                  <a:pt x="40" y="510"/>
                </a:lnTo>
                <a:lnTo>
                  <a:pt x="50" y="525"/>
                </a:lnTo>
                <a:lnTo>
                  <a:pt x="58" y="538"/>
                </a:lnTo>
                <a:lnTo>
                  <a:pt x="67" y="551"/>
                </a:lnTo>
                <a:lnTo>
                  <a:pt x="77" y="565"/>
                </a:lnTo>
                <a:lnTo>
                  <a:pt x="88" y="576"/>
                </a:lnTo>
                <a:lnTo>
                  <a:pt x="99" y="589"/>
                </a:lnTo>
                <a:lnTo>
                  <a:pt x="111" y="601"/>
                </a:lnTo>
                <a:lnTo>
                  <a:pt x="123" y="611"/>
                </a:lnTo>
                <a:lnTo>
                  <a:pt x="136" y="621"/>
                </a:lnTo>
                <a:lnTo>
                  <a:pt x="149" y="631"/>
                </a:lnTo>
                <a:lnTo>
                  <a:pt x="163" y="640"/>
                </a:lnTo>
                <a:lnTo>
                  <a:pt x="177" y="648"/>
                </a:lnTo>
                <a:lnTo>
                  <a:pt x="191" y="655"/>
                </a:lnTo>
                <a:lnTo>
                  <a:pt x="206" y="662"/>
                </a:lnTo>
                <a:lnTo>
                  <a:pt x="222" y="667"/>
                </a:lnTo>
                <a:lnTo>
                  <a:pt x="237" y="673"/>
                </a:lnTo>
                <a:lnTo>
                  <a:pt x="253" y="678"/>
                </a:lnTo>
                <a:lnTo>
                  <a:pt x="270" y="681"/>
                </a:lnTo>
                <a:lnTo>
                  <a:pt x="287" y="685"/>
                </a:lnTo>
                <a:lnTo>
                  <a:pt x="303" y="687"/>
                </a:lnTo>
                <a:lnTo>
                  <a:pt x="320" y="688"/>
                </a:lnTo>
                <a:lnTo>
                  <a:pt x="338" y="688"/>
                </a:lnTo>
                <a:lnTo>
                  <a:pt x="338" y="688"/>
                </a:lnTo>
                <a:lnTo>
                  <a:pt x="357" y="688"/>
                </a:lnTo>
                <a:lnTo>
                  <a:pt x="376" y="687"/>
                </a:lnTo>
                <a:lnTo>
                  <a:pt x="394" y="685"/>
                </a:lnTo>
                <a:lnTo>
                  <a:pt x="411" y="681"/>
                </a:lnTo>
                <a:lnTo>
                  <a:pt x="429" y="678"/>
                </a:lnTo>
                <a:lnTo>
                  <a:pt x="446" y="673"/>
                </a:lnTo>
                <a:lnTo>
                  <a:pt x="462" y="667"/>
                </a:lnTo>
                <a:lnTo>
                  <a:pt x="478" y="662"/>
                </a:lnTo>
                <a:lnTo>
                  <a:pt x="493" y="655"/>
                </a:lnTo>
                <a:lnTo>
                  <a:pt x="508" y="648"/>
                </a:lnTo>
                <a:lnTo>
                  <a:pt x="523" y="640"/>
                </a:lnTo>
                <a:lnTo>
                  <a:pt x="537" y="631"/>
                </a:lnTo>
                <a:lnTo>
                  <a:pt x="549" y="621"/>
                </a:lnTo>
                <a:lnTo>
                  <a:pt x="562" y="611"/>
                </a:lnTo>
                <a:lnTo>
                  <a:pt x="575" y="601"/>
                </a:lnTo>
                <a:lnTo>
                  <a:pt x="586" y="589"/>
                </a:lnTo>
                <a:lnTo>
                  <a:pt x="598" y="576"/>
                </a:lnTo>
                <a:lnTo>
                  <a:pt x="608" y="565"/>
                </a:lnTo>
                <a:lnTo>
                  <a:pt x="617" y="551"/>
                </a:lnTo>
                <a:lnTo>
                  <a:pt x="627" y="538"/>
                </a:lnTo>
                <a:lnTo>
                  <a:pt x="636" y="525"/>
                </a:lnTo>
                <a:lnTo>
                  <a:pt x="643" y="510"/>
                </a:lnTo>
                <a:lnTo>
                  <a:pt x="651" y="495"/>
                </a:lnTo>
                <a:lnTo>
                  <a:pt x="657" y="480"/>
                </a:lnTo>
                <a:lnTo>
                  <a:pt x="662" y="463"/>
                </a:lnTo>
                <a:lnTo>
                  <a:pt x="668" y="447"/>
                </a:lnTo>
                <a:lnTo>
                  <a:pt x="672" y="431"/>
                </a:lnTo>
                <a:lnTo>
                  <a:pt x="675" y="415"/>
                </a:lnTo>
                <a:lnTo>
                  <a:pt x="678" y="398"/>
                </a:lnTo>
                <a:lnTo>
                  <a:pt x="681" y="381"/>
                </a:lnTo>
                <a:lnTo>
                  <a:pt x="682" y="362"/>
                </a:lnTo>
                <a:lnTo>
                  <a:pt x="682" y="345"/>
                </a:lnTo>
                <a:lnTo>
                  <a:pt x="682" y="345"/>
                </a:lnTo>
                <a:lnTo>
                  <a:pt x="682" y="328"/>
                </a:lnTo>
                <a:lnTo>
                  <a:pt x="681" y="310"/>
                </a:lnTo>
                <a:lnTo>
                  <a:pt x="678" y="293"/>
                </a:lnTo>
                <a:lnTo>
                  <a:pt x="675" y="276"/>
                </a:lnTo>
                <a:lnTo>
                  <a:pt x="672" y="260"/>
                </a:lnTo>
                <a:lnTo>
                  <a:pt x="668" y="243"/>
                </a:lnTo>
                <a:lnTo>
                  <a:pt x="662" y="227"/>
                </a:lnTo>
                <a:lnTo>
                  <a:pt x="657" y="212"/>
                </a:lnTo>
                <a:lnTo>
                  <a:pt x="651" y="197"/>
                </a:lnTo>
                <a:lnTo>
                  <a:pt x="643" y="182"/>
                </a:lnTo>
                <a:lnTo>
                  <a:pt x="636" y="167"/>
                </a:lnTo>
                <a:lnTo>
                  <a:pt x="627" y="154"/>
                </a:lnTo>
                <a:lnTo>
                  <a:pt x="617" y="140"/>
                </a:lnTo>
                <a:lnTo>
                  <a:pt x="608" y="127"/>
                </a:lnTo>
                <a:lnTo>
                  <a:pt x="598" y="114"/>
                </a:lnTo>
                <a:lnTo>
                  <a:pt x="586" y="103"/>
                </a:lnTo>
                <a:lnTo>
                  <a:pt x="575" y="91"/>
                </a:lnTo>
                <a:lnTo>
                  <a:pt x="562" y="80"/>
                </a:lnTo>
                <a:lnTo>
                  <a:pt x="549" y="69"/>
                </a:lnTo>
                <a:lnTo>
                  <a:pt x="537" y="60"/>
                </a:lnTo>
                <a:lnTo>
                  <a:pt x="523" y="51"/>
                </a:lnTo>
                <a:lnTo>
                  <a:pt x="508" y="43"/>
                </a:lnTo>
                <a:lnTo>
                  <a:pt x="493" y="35"/>
                </a:lnTo>
                <a:lnTo>
                  <a:pt x="478" y="28"/>
                </a:lnTo>
                <a:lnTo>
                  <a:pt x="462" y="22"/>
                </a:lnTo>
                <a:lnTo>
                  <a:pt x="446" y="16"/>
                </a:lnTo>
                <a:lnTo>
                  <a:pt x="429" y="12"/>
                </a:lnTo>
                <a:lnTo>
                  <a:pt x="411" y="7"/>
                </a:lnTo>
                <a:lnTo>
                  <a:pt x="394" y="5"/>
                </a:lnTo>
                <a:lnTo>
                  <a:pt x="376" y="3"/>
                </a:lnTo>
                <a:lnTo>
                  <a:pt x="357" y="1"/>
                </a:lnTo>
                <a:lnTo>
                  <a:pt x="338" y="0"/>
                </a:lnTo>
                <a:lnTo>
                  <a:pt x="338" y="0"/>
                </a:lnTo>
                <a:close/>
              </a:path>
            </a:pathLst>
          </a:custGeom>
          <a:solidFill>
            <a:schemeClr val="accent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22" name="Freeform 7">
            <a:extLst>
              <a:ext uri="{FF2B5EF4-FFF2-40B4-BE49-F238E27FC236}">
                <a16:creationId xmlns:a16="http://schemas.microsoft.com/office/drawing/2014/main" id="{4A54DBF7-9445-41FC-94EC-EE58F1E14252}"/>
              </a:ext>
            </a:extLst>
          </p:cNvPr>
          <p:cNvSpPr>
            <a:spLocks/>
          </p:cNvSpPr>
          <p:nvPr userDrawn="1"/>
        </p:nvSpPr>
        <p:spPr bwMode="auto">
          <a:xfrm>
            <a:off x="5778502" y="3098802"/>
            <a:ext cx="1555751" cy="1744133"/>
          </a:xfrm>
          <a:custGeom>
            <a:avLst/>
            <a:gdLst>
              <a:gd name="T0" fmla="*/ 1469 w 1469"/>
              <a:gd name="T1" fmla="*/ 248 h 1648"/>
              <a:gd name="T2" fmla="*/ 1464 w 1469"/>
              <a:gd name="T3" fmla="*/ 294 h 1648"/>
              <a:gd name="T4" fmla="*/ 1452 w 1469"/>
              <a:gd name="T5" fmla="*/ 338 h 1648"/>
              <a:gd name="T6" fmla="*/ 1449 w 1469"/>
              <a:gd name="T7" fmla="*/ 344 h 1648"/>
              <a:gd name="T8" fmla="*/ 1437 w 1469"/>
              <a:gd name="T9" fmla="*/ 373 h 1648"/>
              <a:gd name="T10" fmla="*/ 1410 w 1469"/>
              <a:gd name="T11" fmla="*/ 430 h 1648"/>
              <a:gd name="T12" fmla="*/ 1380 w 1469"/>
              <a:gd name="T13" fmla="*/ 484 h 1648"/>
              <a:gd name="T14" fmla="*/ 1347 w 1469"/>
              <a:gd name="T15" fmla="*/ 537 h 1648"/>
              <a:gd name="T16" fmla="*/ 1312 w 1469"/>
              <a:gd name="T17" fmla="*/ 589 h 1648"/>
              <a:gd name="T18" fmla="*/ 1274 w 1469"/>
              <a:gd name="T19" fmla="*/ 637 h 1648"/>
              <a:gd name="T20" fmla="*/ 1233 w 1469"/>
              <a:gd name="T21" fmla="*/ 684 h 1648"/>
              <a:gd name="T22" fmla="*/ 1190 w 1469"/>
              <a:gd name="T23" fmla="*/ 730 h 1648"/>
              <a:gd name="T24" fmla="*/ 552 w 1469"/>
              <a:gd name="T25" fmla="*/ 1327 h 1648"/>
              <a:gd name="T26" fmla="*/ 0 w 1469"/>
              <a:gd name="T27" fmla="*/ 1648 h 1648"/>
              <a:gd name="T28" fmla="*/ 5 w 1469"/>
              <a:gd name="T29" fmla="*/ 1158 h 1648"/>
              <a:gd name="T30" fmla="*/ 863 w 1469"/>
              <a:gd name="T31" fmla="*/ 339 h 1648"/>
              <a:gd name="T32" fmla="*/ 901 w 1469"/>
              <a:gd name="T33" fmla="*/ 301 h 1648"/>
              <a:gd name="T34" fmla="*/ 937 w 1469"/>
              <a:gd name="T35" fmla="*/ 260 h 1648"/>
              <a:gd name="T36" fmla="*/ 962 w 1469"/>
              <a:gd name="T37" fmla="*/ 215 h 1648"/>
              <a:gd name="T38" fmla="*/ 985 w 1469"/>
              <a:gd name="T39" fmla="*/ 169 h 1648"/>
              <a:gd name="T40" fmla="*/ 1000 w 1469"/>
              <a:gd name="T41" fmla="*/ 135 h 1648"/>
              <a:gd name="T42" fmla="*/ 1008 w 1469"/>
              <a:gd name="T43" fmla="*/ 120 h 1648"/>
              <a:gd name="T44" fmla="*/ 1027 w 1469"/>
              <a:gd name="T45" fmla="*/ 92 h 1648"/>
              <a:gd name="T46" fmla="*/ 1050 w 1469"/>
              <a:gd name="T47" fmla="*/ 68 h 1648"/>
              <a:gd name="T48" fmla="*/ 1075 w 1469"/>
              <a:gd name="T49" fmla="*/ 46 h 1648"/>
              <a:gd name="T50" fmla="*/ 1104 w 1469"/>
              <a:gd name="T51" fmla="*/ 29 h 1648"/>
              <a:gd name="T52" fmla="*/ 1135 w 1469"/>
              <a:gd name="T53" fmla="*/ 15 h 1648"/>
              <a:gd name="T54" fmla="*/ 1168 w 1469"/>
              <a:gd name="T55" fmla="*/ 6 h 1648"/>
              <a:gd name="T56" fmla="*/ 1203 w 1469"/>
              <a:gd name="T57" fmla="*/ 0 h 1648"/>
              <a:gd name="T58" fmla="*/ 1220 w 1469"/>
              <a:gd name="T59" fmla="*/ 0 h 1648"/>
              <a:gd name="T60" fmla="*/ 1271 w 1469"/>
              <a:gd name="T61" fmla="*/ 5 h 1648"/>
              <a:gd name="T62" fmla="*/ 1317 w 1469"/>
              <a:gd name="T63" fmla="*/ 19 h 1648"/>
              <a:gd name="T64" fmla="*/ 1360 w 1469"/>
              <a:gd name="T65" fmla="*/ 41 h 1648"/>
              <a:gd name="T66" fmla="*/ 1396 w 1469"/>
              <a:gd name="T67" fmla="*/ 72 h 1648"/>
              <a:gd name="T68" fmla="*/ 1426 w 1469"/>
              <a:gd name="T69" fmla="*/ 109 h 1648"/>
              <a:gd name="T70" fmla="*/ 1449 w 1469"/>
              <a:gd name="T71" fmla="*/ 151 h 1648"/>
              <a:gd name="T72" fmla="*/ 1463 w 1469"/>
              <a:gd name="T73" fmla="*/ 198 h 1648"/>
              <a:gd name="T74" fmla="*/ 1469 w 1469"/>
              <a:gd name="T75" fmla="*/ 248 h 16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Lst>
            <a:rect l="0" t="0" r="r" b="b"/>
            <a:pathLst>
              <a:path w="1469" h="1648">
                <a:moveTo>
                  <a:pt x="1469" y="248"/>
                </a:moveTo>
                <a:lnTo>
                  <a:pt x="1469" y="248"/>
                </a:lnTo>
                <a:lnTo>
                  <a:pt x="1468" y="271"/>
                </a:lnTo>
                <a:lnTo>
                  <a:pt x="1464" y="294"/>
                </a:lnTo>
                <a:lnTo>
                  <a:pt x="1459" y="316"/>
                </a:lnTo>
                <a:lnTo>
                  <a:pt x="1452" y="338"/>
                </a:lnTo>
                <a:lnTo>
                  <a:pt x="1452" y="338"/>
                </a:lnTo>
                <a:lnTo>
                  <a:pt x="1449" y="344"/>
                </a:lnTo>
                <a:lnTo>
                  <a:pt x="1449" y="344"/>
                </a:lnTo>
                <a:lnTo>
                  <a:pt x="1437" y="373"/>
                </a:lnTo>
                <a:lnTo>
                  <a:pt x="1424" y="401"/>
                </a:lnTo>
                <a:lnTo>
                  <a:pt x="1410" y="430"/>
                </a:lnTo>
                <a:lnTo>
                  <a:pt x="1395" y="457"/>
                </a:lnTo>
                <a:lnTo>
                  <a:pt x="1380" y="484"/>
                </a:lnTo>
                <a:lnTo>
                  <a:pt x="1364" y="510"/>
                </a:lnTo>
                <a:lnTo>
                  <a:pt x="1347" y="537"/>
                </a:lnTo>
                <a:lnTo>
                  <a:pt x="1330" y="563"/>
                </a:lnTo>
                <a:lnTo>
                  <a:pt x="1312" y="589"/>
                </a:lnTo>
                <a:lnTo>
                  <a:pt x="1293" y="613"/>
                </a:lnTo>
                <a:lnTo>
                  <a:pt x="1274" y="637"/>
                </a:lnTo>
                <a:lnTo>
                  <a:pt x="1254" y="661"/>
                </a:lnTo>
                <a:lnTo>
                  <a:pt x="1233" y="684"/>
                </a:lnTo>
                <a:lnTo>
                  <a:pt x="1212" y="707"/>
                </a:lnTo>
                <a:lnTo>
                  <a:pt x="1190" y="730"/>
                </a:lnTo>
                <a:lnTo>
                  <a:pt x="1167" y="751"/>
                </a:lnTo>
                <a:lnTo>
                  <a:pt x="552" y="1327"/>
                </a:lnTo>
                <a:lnTo>
                  <a:pt x="552" y="1648"/>
                </a:lnTo>
                <a:lnTo>
                  <a:pt x="0" y="1648"/>
                </a:lnTo>
                <a:lnTo>
                  <a:pt x="0" y="1520"/>
                </a:lnTo>
                <a:lnTo>
                  <a:pt x="5" y="1158"/>
                </a:lnTo>
                <a:lnTo>
                  <a:pt x="86" y="1083"/>
                </a:lnTo>
                <a:lnTo>
                  <a:pt x="863" y="339"/>
                </a:lnTo>
                <a:lnTo>
                  <a:pt x="863" y="339"/>
                </a:lnTo>
                <a:lnTo>
                  <a:pt x="901" y="301"/>
                </a:lnTo>
                <a:lnTo>
                  <a:pt x="937" y="260"/>
                </a:lnTo>
                <a:lnTo>
                  <a:pt x="937" y="260"/>
                </a:lnTo>
                <a:lnTo>
                  <a:pt x="951" y="238"/>
                </a:lnTo>
                <a:lnTo>
                  <a:pt x="962" y="215"/>
                </a:lnTo>
                <a:lnTo>
                  <a:pt x="975" y="192"/>
                </a:lnTo>
                <a:lnTo>
                  <a:pt x="985" y="169"/>
                </a:lnTo>
                <a:lnTo>
                  <a:pt x="985" y="169"/>
                </a:lnTo>
                <a:lnTo>
                  <a:pt x="1000" y="135"/>
                </a:lnTo>
                <a:lnTo>
                  <a:pt x="1000" y="135"/>
                </a:lnTo>
                <a:lnTo>
                  <a:pt x="1008" y="120"/>
                </a:lnTo>
                <a:lnTo>
                  <a:pt x="1018" y="106"/>
                </a:lnTo>
                <a:lnTo>
                  <a:pt x="1027" y="92"/>
                </a:lnTo>
                <a:lnTo>
                  <a:pt x="1038" y="79"/>
                </a:lnTo>
                <a:lnTo>
                  <a:pt x="1050" y="68"/>
                </a:lnTo>
                <a:lnTo>
                  <a:pt x="1063" y="56"/>
                </a:lnTo>
                <a:lnTo>
                  <a:pt x="1075" y="46"/>
                </a:lnTo>
                <a:lnTo>
                  <a:pt x="1089" y="37"/>
                </a:lnTo>
                <a:lnTo>
                  <a:pt x="1104" y="29"/>
                </a:lnTo>
                <a:lnTo>
                  <a:pt x="1119" y="21"/>
                </a:lnTo>
                <a:lnTo>
                  <a:pt x="1135" y="15"/>
                </a:lnTo>
                <a:lnTo>
                  <a:pt x="1151" y="9"/>
                </a:lnTo>
                <a:lnTo>
                  <a:pt x="1168" y="6"/>
                </a:lnTo>
                <a:lnTo>
                  <a:pt x="1186" y="2"/>
                </a:lnTo>
                <a:lnTo>
                  <a:pt x="1203" y="0"/>
                </a:lnTo>
                <a:lnTo>
                  <a:pt x="1220" y="0"/>
                </a:lnTo>
                <a:lnTo>
                  <a:pt x="1220" y="0"/>
                </a:lnTo>
                <a:lnTo>
                  <a:pt x="1246" y="1"/>
                </a:lnTo>
                <a:lnTo>
                  <a:pt x="1271" y="5"/>
                </a:lnTo>
                <a:lnTo>
                  <a:pt x="1294" y="10"/>
                </a:lnTo>
                <a:lnTo>
                  <a:pt x="1317" y="19"/>
                </a:lnTo>
                <a:lnTo>
                  <a:pt x="1339" y="30"/>
                </a:lnTo>
                <a:lnTo>
                  <a:pt x="1360" y="41"/>
                </a:lnTo>
                <a:lnTo>
                  <a:pt x="1378" y="56"/>
                </a:lnTo>
                <a:lnTo>
                  <a:pt x="1396" y="72"/>
                </a:lnTo>
                <a:lnTo>
                  <a:pt x="1411" y="90"/>
                </a:lnTo>
                <a:lnTo>
                  <a:pt x="1426" y="109"/>
                </a:lnTo>
                <a:lnTo>
                  <a:pt x="1439" y="129"/>
                </a:lnTo>
                <a:lnTo>
                  <a:pt x="1449" y="151"/>
                </a:lnTo>
                <a:lnTo>
                  <a:pt x="1458" y="174"/>
                </a:lnTo>
                <a:lnTo>
                  <a:pt x="1463" y="198"/>
                </a:lnTo>
                <a:lnTo>
                  <a:pt x="1468" y="222"/>
                </a:lnTo>
                <a:lnTo>
                  <a:pt x="1469" y="248"/>
                </a:lnTo>
                <a:lnTo>
                  <a:pt x="1469" y="248"/>
                </a:lnTo>
                <a:close/>
              </a:path>
            </a:pathLst>
          </a:custGeom>
          <a:solidFill>
            <a:schemeClr val="accent4"/>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23" name="Freeform 8">
            <a:extLst>
              <a:ext uri="{FF2B5EF4-FFF2-40B4-BE49-F238E27FC236}">
                <a16:creationId xmlns:a16="http://schemas.microsoft.com/office/drawing/2014/main" id="{A3CC7BE5-A813-45D4-96FB-C62A323FAEFA}"/>
              </a:ext>
            </a:extLst>
          </p:cNvPr>
          <p:cNvSpPr>
            <a:spLocks/>
          </p:cNvSpPr>
          <p:nvPr userDrawn="1"/>
        </p:nvSpPr>
        <p:spPr bwMode="auto">
          <a:xfrm>
            <a:off x="4766735" y="1555751"/>
            <a:ext cx="2658533" cy="1900767"/>
          </a:xfrm>
          <a:custGeom>
            <a:avLst/>
            <a:gdLst>
              <a:gd name="T0" fmla="*/ 1156 w 2511"/>
              <a:gd name="T1" fmla="*/ 5 h 1798"/>
              <a:gd name="T2" fmla="*/ 999 w 2511"/>
              <a:gd name="T3" fmla="*/ 27 h 1798"/>
              <a:gd name="T4" fmla="*/ 850 w 2511"/>
              <a:gd name="T5" fmla="*/ 69 h 1798"/>
              <a:gd name="T6" fmla="*/ 708 w 2511"/>
              <a:gd name="T7" fmla="*/ 129 h 1798"/>
              <a:gd name="T8" fmla="*/ 577 w 2511"/>
              <a:gd name="T9" fmla="*/ 205 h 1798"/>
              <a:gd name="T10" fmla="*/ 455 w 2511"/>
              <a:gd name="T11" fmla="*/ 296 h 1798"/>
              <a:gd name="T12" fmla="*/ 345 w 2511"/>
              <a:gd name="T13" fmla="*/ 402 h 1798"/>
              <a:gd name="T14" fmla="*/ 247 w 2511"/>
              <a:gd name="T15" fmla="*/ 521 h 1798"/>
              <a:gd name="T16" fmla="*/ 166 w 2511"/>
              <a:gd name="T17" fmla="*/ 650 h 1798"/>
              <a:gd name="T18" fmla="*/ 98 w 2511"/>
              <a:gd name="T19" fmla="*/ 790 h 1798"/>
              <a:gd name="T20" fmla="*/ 47 w 2511"/>
              <a:gd name="T21" fmla="*/ 938 h 1798"/>
              <a:gd name="T22" fmla="*/ 14 w 2511"/>
              <a:gd name="T23" fmla="*/ 1095 h 1798"/>
              <a:gd name="T24" fmla="*/ 0 w 2511"/>
              <a:gd name="T25" fmla="*/ 1256 h 1798"/>
              <a:gd name="T26" fmla="*/ 0 w 2511"/>
              <a:gd name="T27" fmla="*/ 1315 h 1798"/>
              <a:gd name="T28" fmla="*/ 30 w 2511"/>
              <a:gd name="T29" fmla="*/ 1435 h 1798"/>
              <a:gd name="T30" fmla="*/ 110 w 2511"/>
              <a:gd name="T31" fmla="*/ 1523 h 1798"/>
              <a:gd name="T32" fmla="*/ 224 w 2511"/>
              <a:gd name="T33" fmla="*/ 1565 h 1798"/>
              <a:gd name="T34" fmla="*/ 325 w 2511"/>
              <a:gd name="T35" fmla="*/ 1554 h 1798"/>
              <a:gd name="T36" fmla="*/ 428 w 2511"/>
              <a:gd name="T37" fmla="*/ 1492 h 1798"/>
              <a:gd name="T38" fmla="*/ 490 w 2511"/>
              <a:gd name="T39" fmla="*/ 1390 h 1798"/>
              <a:gd name="T40" fmla="*/ 501 w 2511"/>
              <a:gd name="T41" fmla="*/ 1294 h 1798"/>
              <a:gd name="T42" fmla="*/ 510 w 2511"/>
              <a:gd name="T43" fmla="*/ 1172 h 1798"/>
              <a:gd name="T44" fmla="*/ 562 w 2511"/>
              <a:gd name="T45" fmla="*/ 989 h 1798"/>
              <a:gd name="T46" fmla="*/ 654 w 2511"/>
              <a:gd name="T47" fmla="*/ 826 h 1798"/>
              <a:gd name="T48" fmla="*/ 779 w 2511"/>
              <a:gd name="T49" fmla="*/ 691 h 1798"/>
              <a:gd name="T50" fmla="*/ 933 w 2511"/>
              <a:gd name="T51" fmla="*/ 590 h 1798"/>
              <a:gd name="T52" fmla="*/ 1104 w 2511"/>
              <a:gd name="T53" fmla="*/ 529 h 1798"/>
              <a:gd name="T54" fmla="*/ 1253 w 2511"/>
              <a:gd name="T55" fmla="*/ 514 h 1798"/>
              <a:gd name="T56" fmla="*/ 1442 w 2511"/>
              <a:gd name="T57" fmla="*/ 538 h 1798"/>
              <a:gd name="T58" fmla="*/ 1614 w 2511"/>
              <a:gd name="T59" fmla="*/ 607 h 1798"/>
              <a:gd name="T60" fmla="*/ 1762 w 2511"/>
              <a:gd name="T61" fmla="*/ 716 h 1798"/>
              <a:gd name="T62" fmla="*/ 1880 w 2511"/>
              <a:gd name="T63" fmla="*/ 856 h 1798"/>
              <a:gd name="T64" fmla="*/ 1964 w 2511"/>
              <a:gd name="T65" fmla="*/ 1023 h 1798"/>
              <a:gd name="T66" fmla="*/ 2006 w 2511"/>
              <a:gd name="T67" fmla="*/ 1210 h 1798"/>
              <a:gd name="T68" fmla="*/ 2006 w 2511"/>
              <a:gd name="T69" fmla="*/ 1372 h 1798"/>
              <a:gd name="T70" fmla="*/ 1968 w 2511"/>
              <a:gd name="T71" fmla="*/ 1560 h 1798"/>
              <a:gd name="T72" fmla="*/ 1983 w 2511"/>
              <a:gd name="T73" fmla="*/ 1552 h 1798"/>
              <a:gd name="T74" fmla="*/ 2045 w 2511"/>
              <a:gd name="T75" fmla="*/ 1497 h 1798"/>
              <a:gd name="T76" fmla="*/ 2124 w 2511"/>
              <a:gd name="T77" fmla="*/ 1466 h 1798"/>
              <a:gd name="T78" fmla="*/ 2202 w 2511"/>
              <a:gd name="T79" fmla="*/ 1461 h 1798"/>
              <a:gd name="T80" fmla="*/ 2316 w 2511"/>
              <a:gd name="T81" fmla="*/ 1501 h 1798"/>
              <a:gd name="T82" fmla="*/ 2395 w 2511"/>
              <a:gd name="T83" fmla="*/ 1589 h 1798"/>
              <a:gd name="T84" fmla="*/ 2425 w 2511"/>
              <a:gd name="T85" fmla="*/ 1708 h 1798"/>
              <a:gd name="T86" fmla="*/ 2408 w 2511"/>
              <a:gd name="T87" fmla="*/ 1798 h 1798"/>
              <a:gd name="T88" fmla="*/ 2457 w 2511"/>
              <a:gd name="T89" fmla="*/ 1667 h 1798"/>
              <a:gd name="T90" fmla="*/ 2507 w 2511"/>
              <a:gd name="T91" fmla="*/ 1398 h 1798"/>
              <a:gd name="T92" fmla="*/ 2509 w 2511"/>
              <a:gd name="T93" fmla="*/ 1224 h 1798"/>
              <a:gd name="T94" fmla="*/ 2491 w 2511"/>
              <a:gd name="T95" fmla="*/ 1062 h 1798"/>
              <a:gd name="T96" fmla="*/ 2454 w 2511"/>
              <a:gd name="T97" fmla="*/ 908 h 1798"/>
              <a:gd name="T98" fmla="*/ 2400 w 2511"/>
              <a:gd name="T99" fmla="*/ 762 h 1798"/>
              <a:gd name="T100" fmla="*/ 2328 w 2511"/>
              <a:gd name="T101" fmla="*/ 623 h 1798"/>
              <a:gd name="T102" fmla="*/ 2242 w 2511"/>
              <a:gd name="T103" fmla="*/ 497 h 1798"/>
              <a:gd name="T104" fmla="*/ 2142 w 2511"/>
              <a:gd name="T105" fmla="*/ 380 h 1798"/>
              <a:gd name="T106" fmla="*/ 2029 w 2511"/>
              <a:gd name="T107" fmla="*/ 278 h 1798"/>
              <a:gd name="T108" fmla="*/ 1905 w 2511"/>
              <a:gd name="T109" fmla="*/ 189 h 1798"/>
              <a:gd name="T110" fmla="*/ 1770 w 2511"/>
              <a:gd name="T111" fmla="*/ 115 h 1798"/>
              <a:gd name="T112" fmla="*/ 1626 w 2511"/>
              <a:gd name="T113" fmla="*/ 59 h 1798"/>
              <a:gd name="T114" fmla="*/ 1475 w 2511"/>
              <a:gd name="T115" fmla="*/ 21 h 1798"/>
              <a:gd name="T116" fmla="*/ 1317 w 2511"/>
              <a:gd name="T117" fmla="*/ 2 h 179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Lst>
            <a:rect l="0" t="0" r="r" b="b"/>
            <a:pathLst>
              <a:path w="2511" h="1798">
                <a:moveTo>
                  <a:pt x="1253" y="0"/>
                </a:moveTo>
                <a:lnTo>
                  <a:pt x="1253" y="0"/>
                </a:lnTo>
                <a:lnTo>
                  <a:pt x="1219" y="1"/>
                </a:lnTo>
                <a:lnTo>
                  <a:pt x="1187" y="2"/>
                </a:lnTo>
                <a:lnTo>
                  <a:pt x="1156" y="5"/>
                </a:lnTo>
                <a:lnTo>
                  <a:pt x="1124" y="7"/>
                </a:lnTo>
                <a:lnTo>
                  <a:pt x="1093" y="10"/>
                </a:lnTo>
                <a:lnTo>
                  <a:pt x="1062" y="15"/>
                </a:lnTo>
                <a:lnTo>
                  <a:pt x="1030" y="21"/>
                </a:lnTo>
                <a:lnTo>
                  <a:pt x="999" y="27"/>
                </a:lnTo>
                <a:lnTo>
                  <a:pt x="968" y="33"/>
                </a:lnTo>
                <a:lnTo>
                  <a:pt x="938" y="42"/>
                </a:lnTo>
                <a:lnTo>
                  <a:pt x="908" y="50"/>
                </a:lnTo>
                <a:lnTo>
                  <a:pt x="880" y="59"/>
                </a:lnTo>
                <a:lnTo>
                  <a:pt x="850" y="69"/>
                </a:lnTo>
                <a:lnTo>
                  <a:pt x="821" y="80"/>
                </a:lnTo>
                <a:lnTo>
                  <a:pt x="792" y="91"/>
                </a:lnTo>
                <a:lnTo>
                  <a:pt x="764" y="103"/>
                </a:lnTo>
                <a:lnTo>
                  <a:pt x="736" y="115"/>
                </a:lnTo>
                <a:lnTo>
                  <a:pt x="708" y="129"/>
                </a:lnTo>
                <a:lnTo>
                  <a:pt x="682" y="143"/>
                </a:lnTo>
                <a:lnTo>
                  <a:pt x="654" y="157"/>
                </a:lnTo>
                <a:lnTo>
                  <a:pt x="627" y="173"/>
                </a:lnTo>
                <a:lnTo>
                  <a:pt x="602" y="189"/>
                </a:lnTo>
                <a:lnTo>
                  <a:pt x="577" y="205"/>
                </a:lnTo>
                <a:lnTo>
                  <a:pt x="551" y="222"/>
                </a:lnTo>
                <a:lnTo>
                  <a:pt x="526" y="240"/>
                </a:lnTo>
                <a:lnTo>
                  <a:pt x="502" y="258"/>
                </a:lnTo>
                <a:lnTo>
                  <a:pt x="478" y="278"/>
                </a:lnTo>
                <a:lnTo>
                  <a:pt x="455" y="296"/>
                </a:lnTo>
                <a:lnTo>
                  <a:pt x="432" y="317"/>
                </a:lnTo>
                <a:lnTo>
                  <a:pt x="410" y="338"/>
                </a:lnTo>
                <a:lnTo>
                  <a:pt x="388" y="358"/>
                </a:lnTo>
                <a:lnTo>
                  <a:pt x="366" y="380"/>
                </a:lnTo>
                <a:lnTo>
                  <a:pt x="345" y="402"/>
                </a:lnTo>
                <a:lnTo>
                  <a:pt x="325" y="425"/>
                </a:lnTo>
                <a:lnTo>
                  <a:pt x="305" y="448"/>
                </a:lnTo>
                <a:lnTo>
                  <a:pt x="285" y="472"/>
                </a:lnTo>
                <a:lnTo>
                  <a:pt x="266" y="497"/>
                </a:lnTo>
                <a:lnTo>
                  <a:pt x="247" y="521"/>
                </a:lnTo>
                <a:lnTo>
                  <a:pt x="230" y="546"/>
                </a:lnTo>
                <a:lnTo>
                  <a:pt x="213" y="572"/>
                </a:lnTo>
                <a:lnTo>
                  <a:pt x="197" y="597"/>
                </a:lnTo>
                <a:lnTo>
                  <a:pt x="181" y="623"/>
                </a:lnTo>
                <a:lnTo>
                  <a:pt x="166" y="650"/>
                </a:lnTo>
                <a:lnTo>
                  <a:pt x="151" y="678"/>
                </a:lnTo>
                <a:lnTo>
                  <a:pt x="136" y="705"/>
                </a:lnTo>
                <a:lnTo>
                  <a:pt x="123" y="733"/>
                </a:lnTo>
                <a:lnTo>
                  <a:pt x="110" y="762"/>
                </a:lnTo>
                <a:lnTo>
                  <a:pt x="98" y="790"/>
                </a:lnTo>
                <a:lnTo>
                  <a:pt x="86" y="819"/>
                </a:lnTo>
                <a:lnTo>
                  <a:pt x="76" y="848"/>
                </a:lnTo>
                <a:lnTo>
                  <a:pt x="65" y="878"/>
                </a:lnTo>
                <a:lnTo>
                  <a:pt x="56" y="908"/>
                </a:lnTo>
                <a:lnTo>
                  <a:pt x="47" y="938"/>
                </a:lnTo>
                <a:lnTo>
                  <a:pt x="39" y="969"/>
                </a:lnTo>
                <a:lnTo>
                  <a:pt x="31" y="1000"/>
                </a:lnTo>
                <a:lnTo>
                  <a:pt x="25" y="1031"/>
                </a:lnTo>
                <a:lnTo>
                  <a:pt x="19" y="1062"/>
                </a:lnTo>
                <a:lnTo>
                  <a:pt x="14" y="1095"/>
                </a:lnTo>
                <a:lnTo>
                  <a:pt x="9" y="1126"/>
                </a:lnTo>
                <a:lnTo>
                  <a:pt x="6" y="1158"/>
                </a:lnTo>
                <a:lnTo>
                  <a:pt x="3" y="1190"/>
                </a:lnTo>
                <a:lnTo>
                  <a:pt x="1" y="1224"/>
                </a:lnTo>
                <a:lnTo>
                  <a:pt x="0" y="1256"/>
                </a:lnTo>
                <a:lnTo>
                  <a:pt x="0" y="1289"/>
                </a:lnTo>
                <a:lnTo>
                  <a:pt x="0" y="1304"/>
                </a:lnTo>
                <a:lnTo>
                  <a:pt x="0" y="1304"/>
                </a:lnTo>
                <a:lnTo>
                  <a:pt x="0" y="1315"/>
                </a:lnTo>
                <a:lnTo>
                  <a:pt x="0" y="1315"/>
                </a:lnTo>
                <a:lnTo>
                  <a:pt x="1" y="1340"/>
                </a:lnTo>
                <a:lnTo>
                  <a:pt x="4" y="1365"/>
                </a:lnTo>
                <a:lnTo>
                  <a:pt x="10" y="1390"/>
                </a:lnTo>
                <a:lnTo>
                  <a:pt x="19" y="1413"/>
                </a:lnTo>
                <a:lnTo>
                  <a:pt x="30" y="1435"/>
                </a:lnTo>
                <a:lnTo>
                  <a:pt x="42" y="1455"/>
                </a:lnTo>
                <a:lnTo>
                  <a:pt x="56" y="1475"/>
                </a:lnTo>
                <a:lnTo>
                  <a:pt x="72" y="1492"/>
                </a:lnTo>
                <a:lnTo>
                  <a:pt x="91" y="1508"/>
                </a:lnTo>
                <a:lnTo>
                  <a:pt x="110" y="1523"/>
                </a:lnTo>
                <a:lnTo>
                  <a:pt x="131" y="1536"/>
                </a:lnTo>
                <a:lnTo>
                  <a:pt x="153" y="1546"/>
                </a:lnTo>
                <a:lnTo>
                  <a:pt x="176" y="1554"/>
                </a:lnTo>
                <a:lnTo>
                  <a:pt x="200" y="1561"/>
                </a:lnTo>
                <a:lnTo>
                  <a:pt x="224" y="1565"/>
                </a:lnTo>
                <a:lnTo>
                  <a:pt x="251" y="1566"/>
                </a:lnTo>
                <a:lnTo>
                  <a:pt x="251" y="1566"/>
                </a:lnTo>
                <a:lnTo>
                  <a:pt x="276" y="1565"/>
                </a:lnTo>
                <a:lnTo>
                  <a:pt x="300" y="1561"/>
                </a:lnTo>
                <a:lnTo>
                  <a:pt x="325" y="1554"/>
                </a:lnTo>
                <a:lnTo>
                  <a:pt x="348" y="1546"/>
                </a:lnTo>
                <a:lnTo>
                  <a:pt x="369" y="1536"/>
                </a:lnTo>
                <a:lnTo>
                  <a:pt x="390" y="1523"/>
                </a:lnTo>
                <a:lnTo>
                  <a:pt x="410" y="1508"/>
                </a:lnTo>
                <a:lnTo>
                  <a:pt x="428" y="1492"/>
                </a:lnTo>
                <a:lnTo>
                  <a:pt x="444" y="1475"/>
                </a:lnTo>
                <a:lnTo>
                  <a:pt x="458" y="1455"/>
                </a:lnTo>
                <a:lnTo>
                  <a:pt x="471" y="1435"/>
                </a:lnTo>
                <a:lnTo>
                  <a:pt x="481" y="1413"/>
                </a:lnTo>
                <a:lnTo>
                  <a:pt x="490" y="1390"/>
                </a:lnTo>
                <a:lnTo>
                  <a:pt x="496" y="1365"/>
                </a:lnTo>
                <a:lnTo>
                  <a:pt x="500" y="1340"/>
                </a:lnTo>
                <a:lnTo>
                  <a:pt x="502" y="1315"/>
                </a:lnTo>
                <a:lnTo>
                  <a:pt x="502" y="1315"/>
                </a:lnTo>
                <a:lnTo>
                  <a:pt x="501" y="1294"/>
                </a:lnTo>
                <a:lnTo>
                  <a:pt x="501" y="1289"/>
                </a:lnTo>
                <a:lnTo>
                  <a:pt x="501" y="1289"/>
                </a:lnTo>
                <a:lnTo>
                  <a:pt x="502" y="1249"/>
                </a:lnTo>
                <a:lnTo>
                  <a:pt x="504" y="1210"/>
                </a:lnTo>
                <a:lnTo>
                  <a:pt x="510" y="1172"/>
                </a:lnTo>
                <a:lnTo>
                  <a:pt x="517" y="1134"/>
                </a:lnTo>
                <a:lnTo>
                  <a:pt x="525" y="1096"/>
                </a:lnTo>
                <a:lnTo>
                  <a:pt x="535" y="1059"/>
                </a:lnTo>
                <a:lnTo>
                  <a:pt x="548" y="1023"/>
                </a:lnTo>
                <a:lnTo>
                  <a:pt x="562" y="989"/>
                </a:lnTo>
                <a:lnTo>
                  <a:pt x="577" y="954"/>
                </a:lnTo>
                <a:lnTo>
                  <a:pt x="594" y="921"/>
                </a:lnTo>
                <a:lnTo>
                  <a:pt x="612" y="888"/>
                </a:lnTo>
                <a:lnTo>
                  <a:pt x="632" y="856"/>
                </a:lnTo>
                <a:lnTo>
                  <a:pt x="654" y="826"/>
                </a:lnTo>
                <a:lnTo>
                  <a:pt x="677" y="796"/>
                </a:lnTo>
                <a:lnTo>
                  <a:pt x="700" y="769"/>
                </a:lnTo>
                <a:lnTo>
                  <a:pt x="725" y="742"/>
                </a:lnTo>
                <a:lnTo>
                  <a:pt x="752" y="716"/>
                </a:lnTo>
                <a:lnTo>
                  <a:pt x="779" y="691"/>
                </a:lnTo>
                <a:lnTo>
                  <a:pt x="808" y="668"/>
                </a:lnTo>
                <a:lnTo>
                  <a:pt x="838" y="646"/>
                </a:lnTo>
                <a:lnTo>
                  <a:pt x="868" y="627"/>
                </a:lnTo>
                <a:lnTo>
                  <a:pt x="899" y="607"/>
                </a:lnTo>
                <a:lnTo>
                  <a:pt x="933" y="590"/>
                </a:lnTo>
                <a:lnTo>
                  <a:pt x="965" y="575"/>
                </a:lnTo>
                <a:lnTo>
                  <a:pt x="999" y="561"/>
                </a:lnTo>
                <a:lnTo>
                  <a:pt x="1034" y="549"/>
                </a:lnTo>
                <a:lnTo>
                  <a:pt x="1068" y="538"/>
                </a:lnTo>
                <a:lnTo>
                  <a:pt x="1104" y="529"/>
                </a:lnTo>
                <a:lnTo>
                  <a:pt x="1141" y="522"/>
                </a:lnTo>
                <a:lnTo>
                  <a:pt x="1178" y="517"/>
                </a:lnTo>
                <a:lnTo>
                  <a:pt x="1215" y="515"/>
                </a:lnTo>
                <a:lnTo>
                  <a:pt x="1253" y="514"/>
                </a:lnTo>
                <a:lnTo>
                  <a:pt x="1253" y="514"/>
                </a:lnTo>
                <a:lnTo>
                  <a:pt x="1291" y="515"/>
                </a:lnTo>
                <a:lnTo>
                  <a:pt x="1330" y="517"/>
                </a:lnTo>
                <a:lnTo>
                  <a:pt x="1368" y="522"/>
                </a:lnTo>
                <a:lnTo>
                  <a:pt x="1405" y="529"/>
                </a:lnTo>
                <a:lnTo>
                  <a:pt x="1442" y="538"/>
                </a:lnTo>
                <a:lnTo>
                  <a:pt x="1478" y="549"/>
                </a:lnTo>
                <a:lnTo>
                  <a:pt x="1513" y="561"/>
                </a:lnTo>
                <a:lnTo>
                  <a:pt x="1548" y="575"/>
                </a:lnTo>
                <a:lnTo>
                  <a:pt x="1581" y="590"/>
                </a:lnTo>
                <a:lnTo>
                  <a:pt x="1614" y="607"/>
                </a:lnTo>
                <a:lnTo>
                  <a:pt x="1645" y="627"/>
                </a:lnTo>
                <a:lnTo>
                  <a:pt x="1676" y="646"/>
                </a:lnTo>
                <a:lnTo>
                  <a:pt x="1706" y="668"/>
                </a:lnTo>
                <a:lnTo>
                  <a:pt x="1734" y="691"/>
                </a:lnTo>
                <a:lnTo>
                  <a:pt x="1762" y="716"/>
                </a:lnTo>
                <a:lnTo>
                  <a:pt x="1788" y="742"/>
                </a:lnTo>
                <a:lnTo>
                  <a:pt x="1814" y="769"/>
                </a:lnTo>
                <a:lnTo>
                  <a:pt x="1837" y="796"/>
                </a:lnTo>
                <a:lnTo>
                  <a:pt x="1860" y="826"/>
                </a:lnTo>
                <a:lnTo>
                  <a:pt x="1880" y="856"/>
                </a:lnTo>
                <a:lnTo>
                  <a:pt x="1900" y="888"/>
                </a:lnTo>
                <a:lnTo>
                  <a:pt x="1918" y="921"/>
                </a:lnTo>
                <a:lnTo>
                  <a:pt x="1936" y="954"/>
                </a:lnTo>
                <a:lnTo>
                  <a:pt x="1951" y="989"/>
                </a:lnTo>
                <a:lnTo>
                  <a:pt x="1964" y="1023"/>
                </a:lnTo>
                <a:lnTo>
                  <a:pt x="1976" y="1059"/>
                </a:lnTo>
                <a:lnTo>
                  <a:pt x="1986" y="1096"/>
                </a:lnTo>
                <a:lnTo>
                  <a:pt x="1994" y="1134"/>
                </a:lnTo>
                <a:lnTo>
                  <a:pt x="2001" y="1172"/>
                </a:lnTo>
                <a:lnTo>
                  <a:pt x="2006" y="1210"/>
                </a:lnTo>
                <a:lnTo>
                  <a:pt x="2009" y="1249"/>
                </a:lnTo>
                <a:lnTo>
                  <a:pt x="2009" y="1289"/>
                </a:lnTo>
                <a:lnTo>
                  <a:pt x="2009" y="1289"/>
                </a:lnTo>
                <a:lnTo>
                  <a:pt x="2009" y="1331"/>
                </a:lnTo>
                <a:lnTo>
                  <a:pt x="2006" y="1372"/>
                </a:lnTo>
                <a:lnTo>
                  <a:pt x="2002" y="1412"/>
                </a:lnTo>
                <a:lnTo>
                  <a:pt x="1995" y="1451"/>
                </a:lnTo>
                <a:lnTo>
                  <a:pt x="1989" y="1488"/>
                </a:lnTo>
                <a:lnTo>
                  <a:pt x="1979" y="1524"/>
                </a:lnTo>
                <a:lnTo>
                  <a:pt x="1968" y="1560"/>
                </a:lnTo>
                <a:lnTo>
                  <a:pt x="1956" y="1595"/>
                </a:lnTo>
                <a:lnTo>
                  <a:pt x="1956" y="1595"/>
                </a:lnTo>
                <a:lnTo>
                  <a:pt x="1964" y="1580"/>
                </a:lnTo>
                <a:lnTo>
                  <a:pt x="1974" y="1566"/>
                </a:lnTo>
                <a:lnTo>
                  <a:pt x="1983" y="1552"/>
                </a:lnTo>
                <a:lnTo>
                  <a:pt x="1994" y="1539"/>
                </a:lnTo>
                <a:lnTo>
                  <a:pt x="2006" y="1528"/>
                </a:lnTo>
                <a:lnTo>
                  <a:pt x="2019" y="1516"/>
                </a:lnTo>
                <a:lnTo>
                  <a:pt x="2031" y="1506"/>
                </a:lnTo>
                <a:lnTo>
                  <a:pt x="2045" y="1497"/>
                </a:lnTo>
                <a:lnTo>
                  <a:pt x="2060" y="1489"/>
                </a:lnTo>
                <a:lnTo>
                  <a:pt x="2075" y="1481"/>
                </a:lnTo>
                <a:lnTo>
                  <a:pt x="2091" y="1475"/>
                </a:lnTo>
                <a:lnTo>
                  <a:pt x="2107" y="1469"/>
                </a:lnTo>
                <a:lnTo>
                  <a:pt x="2124" y="1466"/>
                </a:lnTo>
                <a:lnTo>
                  <a:pt x="2142" y="1462"/>
                </a:lnTo>
                <a:lnTo>
                  <a:pt x="2159" y="1460"/>
                </a:lnTo>
                <a:lnTo>
                  <a:pt x="2176" y="1460"/>
                </a:lnTo>
                <a:lnTo>
                  <a:pt x="2176" y="1460"/>
                </a:lnTo>
                <a:lnTo>
                  <a:pt x="2202" y="1461"/>
                </a:lnTo>
                <a:lnTo>
                  <a:pt x="2227" y="1465"/>
                </a:lnTo>
                <a:lnTo>
                  <a:pt x="2250" y="1470"/>
                </a:lnTo>
                <a:lnTo>
                  <a:pt x="2273" y="1479"/>
                </a:lnTo>
                <a:lnTo>
                  <a:pt x="2295" y="1490"/>
                </a:lnTo>
                <a:lnTo>
                  <a:pt x="2316" y="1501"/>
                </a:lnTo>
                <a:lnTo>
                  <a:pt x="2334" y="1516"/>
                </a:lnTo>
                <a:lnTo>
                  <a:pt x="2352" y="1532"/>
                </a:lnTo>
                <a:lnTo>
                  <a:pt x="2367" y="1550"/>
                </a:lnTo>
                <a:lnTo>
                  <a:pt x="2382" y="1569"/>
                </a:lnTo>
                <a:lnTo>
                  <a:pt x="2395" y="1589"/>
                </a:lnTo>
                <a:lnTo>
                  <a:pt x="2405" y="1611"/>
                </a:lnTo>
                <a:lnTo>
                  <a:pt x="2414" y="1634"/>
                </a:lnTo>
                <a:lnTo>
                  <a:pt x="2419" y="1658"/>
                </a:lnTo>
                <a:lnTo>
                  <a:pt x="2424" y="1682"/>
                </a:lnTo>
                <a:lnTo>
                  <a:pt x="2425" y="1708"/>
                </a:lnTo>
                <a:lnTo>
                  <a:pt x="2425" y="1708"/>
                </a:lnTo>
                <a:lnTo>
                  <a:pt x="2424" y="1731"/>
                </a:lnTo>
                <a:lnTo>
                  <a:pt x="2420" y="1754"/>
                </a:lnTo>
                <a:lnTo>
                  <a:pt x="2415" y="1776"/>
                </a:lnTo>
                <a:lnTo>
                  <a:pt x="2408" y="1798"/>
                </a:lnTo>
                <a:lnTo>
                  <a:pt x="2408" y="1798"/>
                </a:lnTo>
                <a:lnTo>
                  <a:pt x="2418" y="1773"/>
                </a:lnTo>
                <a:lnTo>
                  <a:pt x="2441" y="1720"/>
                </a:lnTo>
                <a:lnTo>
                  <a:pt x="2441" y="1720"/>
                </a:lnTo>
                <a:lnTo>
                  <a:pt x="2457" y="1667"/>
                </a:lnTo>
                <a:lnTo>
                  <a:pt x="2471" y="1614"/>
                </a:lnTo>
                <a:lnTo>
                  <a:pt x="2484" y="1561"/>
                </a:lnTo>
                <a:lnTo>
                  <a:pt x="2493" y="1507"/>
                </a:lnTo>
                <a:lnTo>
                  <a:pt x="2501" y="1453"/>
                </a:lnTo>
                <a:lnTo>
                  <a:pt x="2507" y="1398"/>
                </a:lnTo>
                <a:lnTo>
                  <a:pt x="2510" y="1344"/>
                </a:lnTo>
                <a:lnTo>
                  <a:pt x="2511" y="1289"/>
                </a:lnTo>
                <a:lnTo>
                  <a:pt x="2511" y="1289"/>
                </a:lnTo>
                <a:lnTo>
                  <a:pt x="2510" y="1256"/>
                </a:lnTo>
                <a:lnTo>
                  <a:pt x="2509" y="1224"/>
                </a:lnTo>
                <a:lnTo>
                  <a:pt x="2507" y="1190"/>
                </a:lnTo>
                <a:lnTo>
                  <a:pt x="2504" y="1158"/>
                </a:lnTo>
                <a:lnTo>
                  <a:pt x="2501" y="1126"/>
                </a:lnTo>
                <a:lnTo>
                  <a:pt x="2496" y="1095"/>
                </a:lnTo>
                <a:lnTo>
                  <a:pt x="2491" y="1062"/>
                </a:lnTo>
                <a:lnTo>
                  <a:pt x="2485" y="1031"/>
                </a:lnTo>
                <a:lnTo>
                  <a:pt x="2478" y="1000"/>
                </a:lnTo>
                <a:lnTo>
                  <a:pt x="2471" y="969"/>
                </a:lnTo>
                <a:lnTo>
                  <a:pt x="2463" y="938"/>
                </a:lnTo>
                <a:lnTo>
                  <a:pt x="2454" y="908"/>
                </a:lnTo>
                <a:lnTo>
                  <a:pt x="2445" y="878"/>
                </a:lnTo>
                <a:lnTo>
                  <a:pt x="2434" y="848"/>
                </a:lnTo>
                <a:lnTo>
                  <a:pt x="2423" y="819"/>
                </a:lnTo>
                <a:lnTo>
                  <a:pt x="2411" y="790"/>
                </a:lnTo>
                <a:lnTo>
                  <a:pt x="2400" y="762"/>
                </a:lnTo>
                <a:lnTo>
                  <a:pt x="2386" y="733"/>
                </a:lnTo>
                <a:lnTo>
                  <a:pt x="2373" y="705"/>
                </a:lnTo>
                <a:lnTo>
                  <a:pt x="2358" y="678"/>
                </a:lnTo>
                <a:lnTo>
                  <a:pt x="2343" y="650"/>
                </a:lnTo>
                <a:lnTo>
                  <a:pt x="2328" y="623"/>
                </a:lnTo>
                <a:lnTo>
                  <a:pt x="2312" y="597"/>
                </a:lnTo>
                <a:lnTo>
                  <a:pt x="2295" y="572"/>
                </a:lnTo>
                <a:lnTo>
                  <a:pt x="2278" y="546"/>
                </a:lnTo>
                <a:lnTo>
                  <a:pt x="2260" y="521"/>
                </a:lnTo>
                <a:lnTo>
                  <a:pt x="2242" y="497"/>
                </a:lnTo>
                <a:lnTo>
                  <a:pt x="2222" y="472"/>
                </a:lnTo>
                <a:lnTo>
                  <a:pt x="2203" y="448"/>
                </a:lnTo>
                <a:lnTo>
                  <a:pt x="2183" y="425"/>
                </a:lnTo>
                <a:lnTo>
                  <a:pt x="2162" y="402"/>
                </a:lnTo>
                <a:lnTo>
                  <a:pt x="2142" y="380"/>
                </a:lnTo>
                <a:lnTo>
                  <a:pt x="2120" y="358"/>
                </a:lnTo>
                <a:lnTo>
                  <a:pt x="2098" y="338"/>
                </a:lnTo>
                <a:lnTo>
                  <a:pt x="2075" y="317"/>
                </a:lnTo>
                <a:lnTo>
                  <a:pt x="2052" y="296"/>
                </a:lnTo>
                <a:lnTo>
                  <a:pt x="2029" y="278"/>
                </a:lnTo>
                <a:lnTo>
                  <a:pt x="2005" y="258"/>
                </a:lnTo>
                <a:lnTo>
                  <a:pt x="1981" y="240"/>
                </a:lnTo>
                <a:lnTo>
                  <a:pt x="1955" y="222"/>
                </a:lnTo>
                <a:lnTo>
                  <a:pt x="1930" y="205"/>
                </a:lnTo>
                <a:lnTo>
                  <a:pt x="1905" y="189"/>
                </a:lnTo>
                <a:lnTo>
                  <a:pt x="1878" y="173"/>
                </a:lnTo>
                <a:lnTo>
                  <a:pt x="1852" y="157"/>
                </a:lnTo>
                <a:lnTo>
                  <a:pt x="1824" y="143"/>
                </a:lnTo>
                <a:lnTo>
                  <a:pt x="1797" y="129"/>
                </a:lnTo>
                <a:lnTo>
                  <a:pt x="1770" y="115"/>
                </a:lnTo>
                <a:lnTo>
                  <a:pt x="1741" y="103"/>
                </a:lnTo>
                <a:lnTo>
                  <a:pt x="1713" y="91"/>
                </a:lnTo>
                <a:lnTo>
                  <a:pt x="1685" y="80"/>
                </a:lnTo>
                <a:lnTo>
                  <a:pt x="1656" y="69"/>
                </a:lnTo>
                <a:lnTo>
                  <a:pt x="1626" y="59"/>
                </a:lnTo>
                <a:lnTo>
                  <a:pt x="1596" y="50"/>
                </a:lnTo>
                <a:lnTo>
                  <a:pt x="1566" y="42"/>
                </a:lnTo>
                <a:lnTo>
                  <a:pt x="1536" y="33"/>
                </a:lnTo>
                <a:lnTo>
                  <a:pt x="1505" y="27"/>
                </a:lnTo>
                <a:lnTo>
                  <a:pt x="1475" y="21"/>
                </a:lnTo>
                <a:lnTo>
                  <a:pt x="1444" y="15"/>
                </a:lnTo>
                <a:lnTo>
                  <a:pt x="1412" y="10"/>
                </a:lnTo>
                <a:lnTo>
                  <a:pt x="1381" y="7"/>
                </a:lnTo>
                <a:lnTo>
                  <a:pt x="1348" y="5"/>
                </a:lnTo>
                <a:lnTo>
                  <a:pt x="1317" y="2"/>
                </a:lnTo>
                <a:lnTo>
                  <a:pt x="1285" y="1"/>
                </a:lnTo>
                <a:lnTo>
                  <a:pt x="1253" y="0"/>
                </a:lnTo>
                <a:lnTo>
                  <a:pt x="1253" y="0"/>
                </a:lnTo>
                <a:close/>
              </a:path>
            </a:pathLst>
          </a:custGeom>
          <a:solidFill>
            <a:schemeClr val="accent3"/>
          </a:solidFill>
          <a:ln w="11113">
            <a:solidFill>
              <a:srgbClr val="FFFFFF"/>
            </a:solidFill>
            <a:prstDash val="solid"/>
            <a:round/>
            <a:headEnd/>
            <a:tailEnd/>
          </a:ln>
        </p:spPr>
        <p:txBody>
          <a:bodyPr vert="horz" wrap="square" lIns="121920" tIns="60960" rIns="121920" bIns="6096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nvGrpSpPr>
          <p:cNvPr id="65" name="Group 64">
            <a:extLst>
              <a:ext uri="{FF2B5EF4-FFF2-40B4-BE49-F238E27FC236}">
                <a16:creationId xmlns:a16="http://schemas.microsoft.com/office/drawing/2014/main" id="{08224CE1-5D30-489D-A005-93E5F1B79EE3}"/>
              </a:ext>
            </a:extLst>
          </p:cNvPr>
          <p:cNvGrpSpPr/>
          <p:nvPr userDrawn="1"/>
        </p:nvGrpSpPr>
        <p:grpSpPr>
          <a:xfrm>
            <a:off x="4766735" y="2679702"/>
            <a:ext cx="531284" cy="531284"/>
            <a:chOff x="3575051" y="2009776"/>
            <a:chExt cx="398463" cy="398463"/>
          </a:xfrm>
        </p:grpSpPr>
        <p:sp>
          <p:nvSpPr>
            <p:cNvPr id="24" name="Freeform 9">
              <a:extLst>
                <a:ext uri="{FF2B5EF4-FFF2-40B4-BE49-F238E27FC236}">
                  <a16:creationId xmlns:a16="http://schemas.microsoft.com/office/drawing/2014/main" id="{6080BE88-6802-46C4-817C-99E90B290EA1}"/>
                </a:ext>
              </a:extLst>
            </p:cNvPr>
            <p:cNvSpPr>
              <a:spLocks/>
            </p:cNvSpPr>
            <p:nvPr userDrawn="1"/>
          </p:nvSpPr>
          <p:spPr bwMode="auto">
            <a:xfrm>
              <a:off x="3575051" y="2009776"/>
              <a:ext cx="398463" cy="398463"/>
            </a:xfrm>
            <a:custGeom>
              <a:avLst/>
              <a:gdLst>
                <a:gd name="T0" fmla="*/ 502 w 502"/>
                <a:gd name="T1" fmla="*/ 251 h 502"/>
                <a:gd name="T2" fmla="*/ 497 w 502"/>
                <a:gd name="T3" fmla="*/ 301 h 502"/>
                <a:gd name="T4" fmla="*/ 482 w 502"/>
                <a:gd name="T5" fmla="*/ 349 h 502"/>
                <a:gd name="T6" fmla="*/ 459 w 502"/>
                <a:gd name="T7" fmla="*/ 391 h 502"/>
                <a:gd name="T8" fmla="*/ 429 w 502"/>
                <a:gd name="T9" fmla="*/ 428 h 502"/>
                <a:gd name="T10" fmla="*/ 391 w 502"/>
                <a:gd name="T11" fmla="*/ 459 h 502"/>
                <a:gd name="T12" fmla="*/ 349 w 502"/>
                <a:gd name="T13" fmla="*/ 482 h 502"/>
                <a:gd name="T14" fmla="*/ 301 w 502"/>
                <a:gd name="T15" fmla="*/ 497 h 502"/>
                <a:gd name="T16" fmla="*/ 251 w 502"/>
                <a:gd name="T17" fmla="*/ 502 h 502"/>
                <a:gd name="T18" fmla="*/ 225 w 502"/>
                <a:gd name="T19" fmla="*/ 501 h 502"/>
                <a:gd name="T20" fmla="*/ 177 w 502"/>
                <a:gd name="T21" fmla="*/ 490 h 502"/>
                <a:gd name="T22" fmla="*/ 132 w 502"/>
                <a:gd name="T23" fmla="*/ 472 h 502"/>
                <a:gd name="T24" fmla="*/ 92 w 502"/>
                <a:gd name="T25" fmla="*/ 444 h 502"/>
                <a:gd name="T26" fmla="*/ 57 w 502"/>
                <a:gd name="T27" fmla="*/ 411 h 502"/>
                <a:gd name="T28" fmla="*/ 31 w 502"/>
                <a:gd name="T29" fmla="*/ 371 h 502"/>
                <a:gd name="T30" fmla="*/ 11 w 502"/>
                <a:gd name="T31" fmla="*/ 326 h 502"/>
                <a:gd name="T32" fmla="*/ 2 w 502"/>
                <a:gd name="T33" fmla="*/ 276 h 502"/>
                <a:gd name="T34" fmla="*/ 0 w 502"/>
                <a:gd name="T35" fmla="*/ 251 h 502"/>
                <a:gd name="T36" fmla="*/ 5 w 502"/>
                <a:gd name="T37" fmla="*/ 200 h 502"/>
                <a:gd name="T38" fmla="*/ 20 w 502"/>
                <a:gd name="T39" fmla="*/ 153 h 502"/>
                <a:gd name="T40" fmla="*/ 43 w 502"/>
                <a:gd name="T41" fmla="*/ 110 h 502"/>
                <a:gd name="T42" fmla="*/ 73 w 502"/>
                <a:gd name="T43" fmla="*/ 73 h 502"/>
                <a:gd name="T44" fmla="*/ 111 w 502"/>
                <a:gd name="T45" fmla="*/ 42 h 502"/>
                <a:gd name="T46" fmla="*/ 154 w 502"/>
                <a:gd name="T47" fmla="*/ 19 h 502"/>
                <a:gd name="T48" fmla="*/ 200 w 502"/>
                <a:gd name="T49" fmla="*/ 4 h 502"/>
                <a:gd name="T50" fmla="*/ 251 w 502"/>
                <a:gd name="T51" fmla="*/ 0 h 502"/>
                <a:gd name="T52" fmla="*/ 277 w 502"/>
                <a:gd name="T53" fmla="*/ 1 h 502"/>
                <a:gd name="T54" fmla="*/ 326 w 502"/>
                <a:gd name="T55" fmla="*/ 11 h 502"/>
                <a:gd name="T56" fmla="*/ 370 w 502"/>
                <a:gd name="T57" fmla="*/ 30 h 502"/>
                <a:gd name="T58" fmla="*/ 411 w 502"/>
                <a:gd name="T59" fmla="*/ 57 h 502"/>
                <a:gd name="T60" fmla="*/ 445 w 502"/>
                <a:gd name="T61" fmla="*/ 91 h 502"/>
                <a:gd name="T62" fmla="*/ 472 w 502"/>
                <a:gd name="T63" fmla="*/ 131 h 502"/>
                <a:gd name="T64" fmla="*/ 491 w 502"/>
                <a:gd name="T65" fmla="*/ 176 h 502"/>
                <a:gd name="T66" fmla="*/ 501 w 502"/>
                <a:gd name="T67" fmla="*/ 225 h 502"/>
                <a:gd name="T68" fmla="*/ 502 w 502"/>
                <a:gd name="T69" fmla="*/ 251 h 50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502" h="502">
                  <a:moveTo>
                    <a:pt x="502" y="251"/>
                  </a:moveTo>
                  <a:lnTo>
                    <a:pt x="502" y="251"/>
                  </a:lnTo>
                  <a:lnTo>
                    <a:pt x="501" y="276"/>
                  </a:lnTo>
                  <a:lnTo>
                    <a:pt x="497" y="301"/>
                  </a:lnTo>
                  <a:lnTo>
                    <a:pt x="491" y="326"/>
                  </a:lnTo>
                  <a:lnTo>
                    <a:pt x="482" y="349"/>
                  </a:lnTo>
                  <a:lnTo>
                    <a:pt x="472" y="371"/>
                  </a:lnTo>
                  <a:lnTo>
                    <a:pt x="459" y="391"/>
                  </a:lnTo>
                  <a:lnTo>
                    <a:pt x="445" y="411"/>
                  </a:lnTo>
                  <a:lnTo>
                    <a:pt x="429" y="428"/>
                  </a:lnTo>
                  <a:lnTo>
                    <a:pt x="411" y="444"/>
                  </a:lnTo>
                  <a:lnTo>
                    <a:pt x="391" y="459"/>
                  </a:lnTo>
                  <a:lnTo>
                    <a:pt x="370" y="472"/>
                  </a:lnTo>
                  <a:lnTo>
                    <a:pt x="349" y="482"/>
                  </a:lnTo>
                  <a:lnTo>
                    <a:pt x="326" y="490"/>
                  </a:lnTo>
                  <a:lnTo>
                    <a:pt x="301" y="497"/>
                  </a:lnTo>
                  <a:lnTo>
                    <a:pt x="277" y="501"/>
                  </a:lnTo>
                  <a:lnTo>
                    <a:pt x="251" y="502"/>
                  </a:lnTo>
                  <a:lnTo>
                    <a:pt x="251" y="502"/>
                  </a:lnTo>
                  <a:lnTo>
                    <a:pt x="225" y="501"/>
                  </a:lnTo>
                  <a:lnTo>
                    <a:pt x="200" y="497"/>
                  </a:lnTo>
                  <a:lnTo>
                    <a:pt x="177" y="490"/>
                  </a:lnTo>
                  <a:lnTo>
                    <a:pt x="154" y="482"/>
                  </a:lnTo>
                  <a:lnTo>
                    <a:pt x="132" y="472"/>
                  </a:lnTo>
                  <a:lnTo>
                    <a:pt x="111" y="459"/>
                  </a:lnTo>
                  <a:lnTo>
                    <a:pt x="92" y="444"/>
                  </a:lnTo>
                  <a:lnTo>
                    <a:pt x="73" y="428"/>
                  </a:lnTo>
                  <a:lnTo>
                    <a:pt x="57" y="411"/>
                  </a:lnTo>
                  <a:lnTo>
                    <a:pt x="43" y="391"/>
                  </a:lnTo>
                  <a:lnTo>
                    <a:pt x="31" y="371"/>
                  </a:lnTo>
                  <a:lnTo>
                    <a:pt x="20" y="349"/>
                  </a:lnTo>
                  <a:lnTo>
                    <a:pt x="11" y="326"/>
                  </a:lnTo>
                  <a:lnTo>
                    <a:pt x="5" y="301"/>
                  </a:lnTo>
                  <a:lnTo>
                    <a:pt x="2" y="276"/>
                  </a:lnTo>
                  <a:lnTo>
                    <a:pt x="0" y="251"/>
                  </a:lnTo>
                  <a:lnTo>
                    <a:pt x="0" y="251"/>
                  </a:lnTo>
                  <a:lnTo>
                    <a:pt x="2" y="225"/>
                  </a:lnTo>
                  <a:lnTo>
                    <a:pt x="5" y="200"/>
                  </a:lnTo>
                  <a:lnTo>
                    <a:pt x="11" y="176"/>
                  </a:lnTo>
                  <a:lnTo>
                    <a:pt x="20" y="153"/>
                  </a:lnTo>
                  <a:lnTo>
                    <a:pt x="31" y="131"/>
                  </a:lnTo>
                  <a:lnTo>
                    <a:pt x="43" y="110"/>
                  </a:lnTo>
                  <a:lnTo>
                    <a:pt x="57" y="91"/>
                  </a:lnTo>
                  <a:lnTo>
                    <a:pt x="73" y="73"/>
                  </a:lnTo>
                  <a:lnTo>
                    <a:pt x="92" y="57"/>
                  </a:lnTo>
                  <a:lnTo>
                    <a:pt x="111" y="42"/>
                  </a:lnTo>
                  <a:lnTo>
                    <a:pt x="132" y="30"/>
                  </a:lnTo>
                  <a:lnTo>
                    <a:pt x="154" y="19"/>
                  </a:lnTo>
                  <a:lnTo>
                    <a:pt x="177" y="11"/>
                  </a:lnTo>
                  <a:lnTo>
                    <a:pt x="200" y="4"/>
                  </a:lnTo>
                  <a:lnTo>
                    <a:pt x="225" y="1"/>
                  </a:lnTo>
                  <a:lnTo>
                    <a:pt x="251" y="0"/>
                  </a:lnTo>
                  <a:lnTo>
                    <a:pt x="251" y="0"/>
                  </a:lnTo>
                  <a:lnTo>
                    <a:pt x="277" y="1"/>
                  </a:lnTo>
                  <a:lnTo>
                    <a:pt x="301" y="4"/>
                  </a:lnTo>
                  <a:lnTo>
                    <a:pt x="326" y="11"/>
                  </a:lnTo>
                  <a:lnTo>
                    <a:pt x="349" y="19"/>
                  </a:lnTo>
                  <a:lnTo>
                    <a:pt x="370" y="30"/>
                  </a:lnTo>
                  <a:lnTo>
                    <a:pt x="391" y="42"/>
                  </a:lnTo>
                  <a:lnTo>
                    <a:pt x="411" y="57"/>
                  </a:lnTo>
                  <a:lnTo>
                    <a:pt x="429" y="73"/>
                  </a:lnTo>
                  <a:lnTo>
                    <a:pt x="445" y="91"/>
                  </a:lnTo>
                  <a:lnTo>
                    <a:pt x="459" y="110"/>
                  </a:lnTo>
                  <a:lnTo>
                    <a:pt x="472" y="131"/>
                  </a:lnTo>
                  <a:lnTo>
                    <a:pt x="482" y="153"/>
                  </a:lnTo>
                  <a:lnTo>
                    <a:pt x="491" y="176"/>
                  </a:lnTo>
                  <a:lnTo>
                    <a:pt x="497" y="200"/>
                  </a:lnTo>
                  <a:lnTo>
                    <a:pt x="501" y="225"/>
                  </a:lnTo>
                  <a:lnTo>
                    <a:pt x="502" y="251"/>
                  </a:lnTo>
                  <a:lnTo>
                    <a:pt x="502" y="251"/>
                  </a:lnTo>
                  <a:close/>
                </a:path>
              </a:pathLst>
            </a:custGeom>
            <a:solidFill>
              <a:srgbClr val="FFCE54"/>
            </a:solidFill>
            <a:ln w="11113">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nvGrpSpPr>
            <p:cNvPr id="30" name="Group 29">
              <a:extLst>
                <a:ext uri="{FF2B5EF4-FFF2-40B4-BE49-F238E27FC236}">
                  <a16:creationId xmlns:a16="http://schemas.microsoft.com/office/drawing/2014/main" id="{173AC753-506F-4EED-AF96-339099652D1E}"/>
                </a:ext>
              </a:extLst>
            </p:cNvPr>
            <p:cNvGrpSpPr/>
            <p:nvPr userDrawn="1"/>
          </p:nvGrpSpPr>
          <p:grpSpPr>
            <a:xfrm>
              <a:off x="3719514" y="2136776"/>
              <a:ext cx="144462" cy="152400"/>
              <a:chOff x="3719514" y="2136776"/>
              <a:chExt cx="144462" cy="152400"/>
            </a:xfrm>
          </p:grpSpPr>
          <p:sp>
            <p:nvSpPr>
              <p:cNvPr id="26" name="Freeform 11">
                <a:extLst>
                  <a:ext uri="{FF2B5EF4-FFF2-40B4-BE49-F238E27FC236}">
                    <a16:creationId xmlns:a16="http://schemas.microsoft.com/office/drawing/2014/main" id="{9701C61B-CDB6-4BFC-8757-1F6FB91A0A33}"/>
                  </a:ext>
                </a:extLst>
              </p:cNvPr>
              <p:cNvSpPr>
                <a:spLocks/>
              </p:cNvSpPr>
              <p:nvPr userDrawn="1"/>
            </p:nvSpPr>
            <p:spPr bwMode="auto">
              <a:xfrm>
                <a:off x="3719514" y="2136776"/>
                <a:ext cx="88900" cy="150813"/>
              </a:xfrm>
              <a:custGeom>
                <a:avLst/>
                <a:gdLst>
                  <a:gd name="T0" fmla="*/ 110 w 110"/>
                  <a:gd name="T1" fmla="*/ 180 h 191"/>
                  <a:gd name="T2" fmla="*/ 110 w 110"/>
                  <a:gd name="T3" fmla="*/ 185 h 191"/>
                  <a:gd name="T4" fmla="*/ 109 w 110"/>
                  <a:gd name="T5" fmla="*/ 189 h 191"/>
                  <a:gd name="T6" fmla="*/ 107 w 110"/>
                  <a:gd name="T7" fmla="*/ 190 h 191"/>
                  <a:gd name="T8" fmla="*/ 7 w 110"/>
                  <a:gd name="T9" fmla="*/ 191 h 191"/>
                  <a:gd name="T10" fmla="*/ 4 w 110"/>
                  <a:gd name="T11" fmla="*/ 190 h 191"/>
                  <a:gd name="T12" fmla="*/ 3 w 110"/>
                  <a:gd name="T13" fmla="*/ 189 h 191"/>
                  <a:gd name="T14" fmla="*/ 2 w 110"/>
                  <a:gd name="T15" fmla="*/ 185 h 191"/>
                  <a:gd name="T16" fmla="*/ 1 w 110"/>
                  <a:gd name="T17" fmla="*/ 180 h 191"/>
                  <a:gd name="T18" fmla="*/ 2 w 110"/>
                  <a:gd name="T19" fmla="*/ 176 h 191"/>
                  <a:gd name="T20" fmla="*/ 2 w 110"/>
                  <a:gd name="T21" fmla="*/ 174 h 191"/>
                  <a:gd name="T22" fmla="*/ 4 w 110"/>
                  <a:gd name="T23" fmla="*/ 171 h 191"/>
                  <a:gd name="T24" fmla="*/ 7 w 110"/>
                  <a:gd name="T25" fmla="*/ 170 h 191"/>
                  <a:gd name="T26" fmla="*/ 46 w 110"/>
                  <a:gd name="T27" fmla="*/ 26 h 191"/>
                  <a:gd name="T28" fmla="*/ 9 w 110"/>
                  <a:gd name="T29" fmla="*/ 48 h 191"/>
                  <a:gd name="T30" fmla="*/ 4 w 110"/>
                  <a:gd name="T31" fmla="*/ 50 h 191"/>
                  <a:gd name="T32" fmla="*/ 2 w 110"/>
                  <a:gd name="T33" fmla="*/ 49 h 191"/>
                  <a:gd name="T34" fmla="*/ 1 w 110"/>
                  <a:gd name="T35" fmla="*/ 47 h 191"/>
                  <a:gd name="T36" fmla="*/ 0 w 110"/>
                  <a:gd name="T37" fmla="*/ 41 h 191"/>
                  <a:gd name="T38" fmla="*/ 1 w 110"/>
                  <a:gd name="T39" fmla="*/ 36 h 191"/>
                  <a:gd name="T40" fmla="*/ 1 w 110"/>
                  <a:gd name="T41" fmla="*/ 34 h 191"/>
                  <a:gd name="T42" fmla="*/ 2 w 110"/>
                  <a:gd name="T43" fmla="*/ 32 h 191"/>
                  <a:gd name="T44" fmla="*/ 48 w 110"/>
                  <a:gd name="T45" fmla="*/ 2 h 191"/>
                  <a:gd name="T46" fmla="*/ 49 w 110"/>
                  <a:gd name="T47" fmla="*/ 1 h 191"/>
                  <a:gd name="T48" fmla="*/ 52 w 110"/>
                  <a:gd name="T49" fmla="*/ 1 h 191"/>
                  <a:gd name="T50" fmla="*/ 55 w 110"/>
                  <a:gd name="T51" fmla="*/ 0 h 191"/>
                  <a:gd name="T52" fmla="*/ 60 w 110"/>
                  <a:gd name="T53" fmla="*/ 0 h 191"/>
                  <a:gd name="T54" fmla="*/ 65 w 110"/>
                  <a:gd name="T55" fmla="*/ 1 h 191"/>
                  <a:gd name="T56" fmla="*/ 69 w 110"/>
                  <a:gd name="T57" fmla="*/ 1 h 191"/>
                  <a:gd name="T58" fmla="*/ 70 w 110"/>
                  <a:gd name="T59" fmla="*/ 3 h 191"/>
                  <a:gd name="T60" fmla="*/ 71 w 110"/>
                  <a:gd name="T61" fmla="*/ 4 h 191"/>
                  <a:gd name="T62" fmla="*/ 106 w 110"/>
                  <a:gd name="T63" fmla="*/ 170 h 191"/>
                  <a:gd name="T64" fmla="*/ 107 w 110"/>
                  <a:gd name="T65" fmla="*/ 171 h 191"/>
                  <a:gd name="T66" fmla="*/ 109 w 110"/>
                  <a:gd name="T67" fmla="*/ 174 h 191"/>
                  <a:gd name="T68" fmla="*/ 110 w 110"/>
                  <a:gd name="T69" fmla="*/ 176 h 191"/>
                  <a:gd name="T70" fmla="*/ 110 w 110"/>
                  <a:gd name="T71" fmla="*/ 180 h 19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Lst>
                <a:rect l="0" t="0" r="r" b="b"/>
                <a:pathLst>
                  <a:path w="110" h="191">
                    <a:moveTo>
                      <a:pt x="110" y="180"/>
                    </a:moveTo>
                    <a:lnTo>
                      <a:pt x="110" y="180"/>
                    </a:lnTo>
                    <a:lnTo>
                      <a:pt x="110" y="185"/>
                    </a:lnTo>
                    <a:lnTo>
                      <a:pt x="110" y="185"/>
                    </a:lnTo>
                    <a:lnTo>
                      <a:pt x="109" y="189"/>
                    </a:lnTo>
                    <a:lnTo>
                      <a:pt x="109" y="189"/>
                    </a:lnTo>
                    <a:lnTo>
                      <a:pt x="107" y="190"/>
                    </a:lnTo>
                    <a:lnTo>
                      <a:pt x="107" y="190"/>
                    </a:lnTo>
                    <a:lnTo>
                      <a:pt x="106" y="191"/>
                    </a:lnTo>
                    <a:lnTo>
                      <a:pt x="7" y="191"/>
                    </a:lnTo>
                    <a:lnTo>
                      <a:pt x="7" y="191"/>
                    </a:lnTo>
                    <a:lnTo>
                      <a:pt x="4" y="190"/>
                    </a:lnTo>
                    <a:lnTo>
                      <a:pt x="4" y="190"/>
                    </a:lnTo>
                    <a:lnTo>
                      <a:pt x="3" y="189"/>
                    </a:lnTo>
                    <a:lnTo>
                      <a:pt x="3" y="189"/>
                    </a:lnTo>
                    <a:lnTo>
                      <a:pt x="2" y="185"/>
                    </a:lnTo>
                    <a:lnTo>
                      <a:pt x="2" y="185"/>
                    </a:lnTo>
                    <a:lnTo>
                      <a:pt x="1" y="180"/>
                    </a:lnTo>
                    <a:lnTo>
                      <a:pt x="1" y="180"/>
                    </a:lnTo>
                    <a:lnTo>
                      <a:pt x="2" y="176"/>
                    </a:lnTo>
                    <a:lnTo>
                      <a:pt x="2" y="176"/>
                    </a:lnTo>
                    <a:lnTo>
                      <a:pt x="2" y="174"/>
                    </a:lnTo>
                    <a:lnTo>
                      <a:pt x="2" y="174"/>
                    </a:lnTo>
                    <a:lnTo>
                      <a:pt x="4" y="171"/>
                    </a:lnTo>
                    <a:lnTo>
                      <a:pt x="4" y="171"/>
                    </a:lnTo>
                    <a:lnTo>
                      <a:pt x="7" y="170"/>
                    </a:lnTo>
                    <a:lnTo>
                      <a:pt x="46" y="170"/>
                    </a:lnTo>
                    <a:lnTo>
                      <a:pt x="46" y="26"/>
                    </a:lnTo>
                    <a:lnTo>
                      <a:pt x="9" y="48"/>
                    </a:lnTo>
                    <a:lnTo>
                      <a:pt x="9" y="48"/>
                    </a:lnTo>
                    <a:lnTo>
                      <a:pt x="4" y="50"/>
                    </a:lnTo>
                    <a:lnTo>
                      <a:pt x="4" y="50"/>
                    </a:lnTo>
                    <a:lnTo>
                      <a:pt x="2" y="49"/>
                    </a:lnTo>
                    <a:lnTo>
                      <a:pt x="2" y="49"/>
                    </a:lnTo>
                    <a:lnTo>
                      <a:pt x="1" y="47"/>
                    </a:lnTo>
                    <a:lnTo>
                      <a:pt x="1" y="47"/>
                    </a:lnTo>
                    <a:lnTo>
                      <a:pt x="0" y="41"/>
                    </a:lnTo>
                    <a:lnTo>
                      <a:pt x="0" y="41"/>
                    </a:lnTo>
                    <a:lnTo>
                      <a:pt x="1" y="36"/>
                    </a:lnTo>
                    <a:lnTo>
                      <a:pt x="1" y="36"/>
                    </a:lnTo>
                    <a:lnTo>
                      <a:pt x="1" y="34"/>
                    </a:lnTo>
                    <a:lnTo>
                      <a:pt x="1" y="34"/>
                    </a:lnTo>
                    <a:lnTo>
                      <a:pt x="2" y="32"/>
                    </a:lnTo>
                    <a:lnTo>
                      <a:pt x="2" y="32"/>
                    </a:lnTo>
                    <a:lnTo>
                      <a:pt x="4" y="30"/>
                    </a:lnTo>
                    <a:lnTo>
                      <a:pt x="48" y="2"/>
                    </a:lnTo>
                    <a:lnTo>
                      <a:pt x="48" y="2"/>
                    </a:lnTo>
                    <a:lnTo>
                      <a:pt x="49" y="1"/>
                    </a:lnTo>
                    <a:lnTo>
                      <a:pt x="49" y="1"/>
                    </a:lnTo>
                    <a:lnTo>
                      <a:pt x="52" y="1"/>
                    </a:lnTo>
                    <a:lnTo>
                      <a:pt x="52" y="1"/>
                    </a:lnTo>
                    <a:lnTo>
                      <a:pt x="55" y="0"/>
                    </a:lnTo>
                    <a:lnTo>
                      <a:pt x="55" y="0"/>
                    </a:lnTo>
                    <a:lnTo>
                      <a:pt x="60" y="0"/>
                    </a:lnTo>
                    <a:lnTo>
                      <a:pt x="60" y="0"/>
                    </a:lnTo>
                    <a:lnTo>
                      <a:pt x="65" y="1"/>
                    </a:lnTo>
                    <a:lnTo>
                      <a:pt x="65" y="1"/>
                    </a:lnTo>
                    <a:lnTo>
                      <a:pt x="69" y="1"/>
                    </a:lnTo>
                    <a:lnTo>
                      <a:pt x="69" y="1"/>
                    </a:lnTo>
                    <a:lnTo>
                      <a:pt x="70" y="3"/>
                    </a:lnTo>
                    <a:lnTo>
                      <a:pt x="70" y="3"/>
                    </a:lnTo>
                    <a:lnTo>
                      <a:pt x="71" y="4"/>
                    </a:lnTo>
                    <a:lnTo>
                      <a:pt x="71" y="170"/>
                    </a:lnTo>
                    <a:lnTo>
                      <a:pt x="106" y="170"/>
                    </a:lnTo>
                    <a:lnTo>
                      <a:pt x="106" y="170"/>
                    </a:lnTo>
                    <a:lnTo>
                      <a:pt x="107" y="171"/>
                    </a:lnTo>
                    <a:lnTo>
                      <a:pt x="107" y="171"/>
                    </a:lnTo>
                    <a:lnTo>
                      <a:pt x="109" y="174"/>
                    </a:lnTo>
                    <a:lnTo>
                      <a:pt x="109" y="174"/>
                    </a:lnTo>
                    <a:lnTo>
                      <a:pt x="110" y="176"/>
                    </a:lnTo>
                    <a:lnTo>
                      <a:pt x="110" y="176"/>
                    </a:lnTo>
                    <a:lnTo>
                      <a:pt x="110" y="180"/>
                    </a:lnTo>
                    <a:lnTo>
                      <a:pt x="110" y="18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27" name="Freeform 12">
                <a:extLst>
                  <a:ext uri="{FF2B5EF4-FFF2-40B4-BE49-F238E27FC236}">
                    <a16:creationId xmlns:a16="http://schemas.microsoft.com/office/drawing/2014/main" id="{16585007-1F87-4FF5-B2DB-B3EC66AD8175}"/>
                  </a:ext>
                </a:extLst>
              </p:cNvPr>
              <p:cNvSpPr>
                <a:spLocks/>
              </p:cNvSpPr>
              <p:nvPr userDrawn="1"/>
            </p:nvSpPr>
            <p:spPr bwMode="auto">
              <a:xfrm>
                <a:off x="3838576" y="2262188"/>
                <a:ext cx="25400" cy="26988"/>
              </a:xfrm>
              <a:custGeom>
                <a:avLst/>
                <a:gdLst>
                  <a:gd name="T0" fmla="*/ 33 w 33"/>
                  <a:gd name="T1" fmla="*/ 18 h 35"/>
                  <a:gd name="T2" fmla="*/ 33 w 33"/>
                  <a:gd name="T3" fmla="*/ 18 h 35"/>
                  <a:gd name="T4" fmla="*/ 31 w 33"/>
                  <a:gd name="T5" fmla="*/ 27 h 35"/>
                  <a:gd name="T6" fmla="*/ 30 w 33"/>
                  <a:gd name="T7" fmla="*/ 29 h 35"/>
                  <a:gd name="T8" fmla="*/ 29 w 33"/>
                  <a:gd name="T9" fmla="*/ 32 h 35"/>
                  <a:gd name="T10" fmla="*/ 29 w 33"/>
                  <a:gd name="T11" fmla="*/ 32 h 35"/>
                  <a:gd name="T12" fmla="*/ 27 w 33"/>
                  <a:gd name="T13" fmla="*/ 33 h 35"/>
                  <a:gd name="T14" fmla="*/ 23 w 33"/>
                  <a:gd name="T15" fmla="*/ 34 h 35"/>
                  <a:gd name="T16" fmla="*/ 16 w 33"/>
                  <a:gd name="T17" fmla="*/ 35 h 35"/>
                  <a:gd name="T18" fmla="*/ 16 w 33"/>
                  <a:gd name="T19" fmla="*/ 35 h 35"/>
                  <a:gd name="T20" fmla="*/ 8 w 33"/>
                  <a:gd name="T21" fmla="*/ 34 h 35"/>
                  <a:gd name="T22" fmla="*/ 4 w 33"/>
                  <a:gd name="T23" fmla="*/ 32 h 35"/>
                  <a:gd name="T24" fmla="*/ 4 w 33"/>
                  <a:gd name="T25" fmla="*/ 32 h 35"/>
                  <a:gd name="T26" fmla="*/ 3 w 33"/>
                  <a:gd name="T27" fmla="*/ 29 h 35"/>
                  <a:gd name="T28" fmla="*/ 1 w 33"/>
                  <a:gd name="T29" fmla="*/ 27 h 35"/>
                  <a:gd name="T30" fmla="*/ 0 w 33"/>
                  <a:gd name="T31" fmla="*/ 18 h 35"/>
                  <a:gd name="T32" fmla="*/ 0 w 33"/>
                  <a:gd name="T33" fmla="*/ 18 h 35"/>
                  <a:gd name="T34" fmla="*/ 1 w 33"/>
                  <a:gd name="T35" fmla="*/ 10 h 35"/>
                  <a:gd name="T36" fmla="*/ 3 w 33"/>
                  <a:gd name="T37" fmla="*/ 6 h 35"/>
                  <a:gd name="T38" fmla="*/ 4 w 33"/>
                  <a:gd name="T39" fmla="*/ 4 h 35"/>
                  <a:gd name="T40" fmla="*/ 4 w 33"/>
                  <a:gd name="T41" fmla="*/ 4 h 35"/>
                  <a:gd name="T42" fmla="*/ 6 w 33"/>
                  <a:gd name="T43" fmla="*/ 3 h 35"/>
                  <a:gd name="T44" fmla="*/ 9 w 33"/>
                  <a:gd name="T45" fmla="*/ 2 h 35"/>
                  <a:gd name="T46" fmla="*/ 16 w 33"/>
                  <a:gd name="T47" fmla="*/ 0 h 35"/>
                  <a:gd name="T48" fmla="*/ 16 w 33"/>
                  <a:gd name="T49" fmla="*/ 0 h 35"/>
                  <a:gd name="T50" fmla="*/ 24 w 33"/>
                  <a:gd name="T51" fmla="*/ 2 h 35"/>
                  <a:gd name="T52" fmla="*/ 29 w 33"/>
                  <a:gd name="T53" fmla="*/ 4 h 35"/>
                  <a:gd name="T54" fmla="*/ 29 w 33"/>
                  <a:gd name="T55" fmla="*/ 4 h 35"/>
                  <a:gd name="T56" fmla="*/ 30 w 33"/>
                  <a:gd name="T57" fmla="*/ 6 h 35"/>
                  <a:gd name="T58" fmla="*/ 31 w 33"/>
                  <a:gd name="T59" fmla="*/ 10 h 35"/>
                  <a:gd name="T60" fmla="*/ 33 w 33"/>
                  <a:gd name="T61" fmla="*/ 18 h 35"/>
                  <a:gd name="T62" fmla="*/ 33 w 33"/>
                  <a:gd name="T63" fmla="*/ 18 h 3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33" h="35">
                    <a:moveTo>
                      <a:pt x="33" y="18"/>
                    </a:moveTo>
                    <a:lnTo>
                      <a:pt x="33" y="18"/>
                    </a:lnTo>
                    <a:lnTo>
                      <a:pt x="31" y="27"/>
                    </a:lnTo>
                    <a:lnTo>
                      <a:pt x="30" y="29"/>
                    </a:lnTo>
                    <a:lnTo>
                      <a:pt x="29" y="32"/>
                    </a:lnTo>
                    <a:lnTo>
                      <a:pt x="29" y="32"/>
                    </a:lnTo>
                    <a:lnTo>
                      <a:pt x="27" y="33"/>
                    </a:lnTo>
                    <a:lnTo>
                      <a:pt x="23" y="34"/>
                    </a:lnTo>
                    <a:lnTo>
                      <a:pt x="16" y="35"/>
                    </a:lnTo>
                    <a:lnTo>
                      <a:pt x="16" y="35"/>
                    </a:lnTo>
                    <a:lnTo>
                      <a:pt x="8" y="34"/>
                    </a:lnTo>
                    <a:lnTo>
                      <a:pt x="4" y="32"/>
                    </a:lnTo>
                    <a:lnTo>
                      <a:pt x="4" y="32"/>
                    </a:lnTo>
                    <a:lnTo>
                      <a:pt x="3" y="29"/>
                    </a:lnTo>
                    <a:lnTo>
                      <a:pt x="1" y="27"/>
                    </a:lnTo>
                    <a:lnTo>
                      <a:pt x="0" y="18"/>
                    </a:lnTo>
                    <a:lnTo>
                      <a:pt x="0" y="18"/>
                    </a:lnTo>
                    <a:lnTo>
                      <a:pt x="1" y="10"/>
                    </a:lnTo>
                    <a:lnTo>
                      <a:pt x="3" y="6"/>
                    </a:lnTo>
                    <a:lnTo>
                      <a:pt x="4" y="4"/>
                    </a:lnTo>
                    <a:lnTo>
                      <a:pt x="4" y="4"/>
                    </a:lnTo>
                    <a:lnTo>
                      <a:pt x="6" y="3"/>
                    </a:lnTo>
                    <a:lnTo>
                      <a:pt x="9" y="2"/>
                    </a:lnTo>
                    <a:lnTo>
                      <a:pt x="16" y="0"/>
                    </a:lnTo>
                    <a:lnTo>
                      <a:pt x="16" y="0"/>
                    </a:lnTo>
                    <a:lnTo>
                      <a:pt x="24" y="2"/>
                    </a:lnTo>
                    <a:lnTo>
                      <a:pt x="29" y="4"/>
                    </a:lnTo>
                    <a:lnTo>
                      <a:pt x="29" y="4"/>
                    </a:lnTo>
                    <a:lnTo>
                      <a:pt x="30" y="6"/>
                    </a:lnTo>
                    <a:lnTo>
                      <a:pt x="31" y="10"/>
                    </a:lnTo>
                    <a:lnTo>
                      <a:pt x="33" y="18"/>
                    </a:lnTo>
                    <a:lnTo>
                      <a:pt x="33" y="18"/>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grpSp>
      <p:grpSp>
        <p:nvGrpSpPr>
          <p:cNvPr id="64" name="Group 63">
            <a:extLst>
              <a:ext uri="{FF2B5EF4-FFF2-40B4-BE49-F238E27FC236}">
                <a16:creationId xmlns:a16="http://schemas.microsoft.com/office/drawing/2014/main" id="{F1678642-C8F1-4465-A7D8-F0622930A4B4}"/>
              </a:ext>
            </a:extLst>
          </p:cNvPr>
          <p:cNvGrpSpPr/>
          <p:nvPr userDrawn="1"/>
        </p:nvGrpSpPr>
        <p:grpSpPr>
          <a:xfrm>
            <a:off x="6809319" y="3098802"/>
            <a:ext cx="524933" cy="524933"/>
            <a:chOff x="5106989" y="2324101"/>
            <a:chExt cx="393700" cy="393700"/>
          </a:xfrm>
        </p:grpSpPr>
        <p:sp>
          <p:nvSpPr>
            <p:cNvPr id="25" name="Freeform 10">
              <a:extLst>
                <a:ext uri="{FF2B5EF4-FFF2-40B4-BE49-F238E27FC236}">
                  <a16:creationId xmlns:a16="http://schemas.microsoft.com/office/drawing/2014/main" id="{6C67DF10-5D0F-4EC1-9FC7-E0B8E0227AD7}"/>
                </a:ext>
              </a:extLst>
            </p:cNvPr>
            <p:cNvSpPr>
              <a:spLocks/>
            </p:cNvSpPr>
            <p:nvPr userDrawn="1"/>
          </p:nvSpPr>
          <p:spPr bwMode="auto">
            <a:xfrm>
              <a:off x="5106989" y="2324101"/>
              <a:ext cx="393700" cy="393700"/>
            </a:xfrm>
            <a:custGeom>
              <a:avLst/>
              <a:gdLst>
                <a:gd name="T0" fmla="*/ 496 w 496"/>
                <a:gd name="T1" fmla="*/ 248 h 495"/>
                <a:gd name="T2" fmla="*/ 490 w 496"/>
                <a:gd name="T3" fmla="*/ 297 h 495"/>
                <a:gd name="T4" fmla="*/ 476 w 496"/>
                <a:gd name="T5" fmla="*/ 344 h 495"/>
                <a:gd name="T6" fmla="*/ 453 w 496"/>
                <a:gd name="T7" fmla="*/ 386 h 495"/>
                <a:gd name="T8" fmla="*/ 423 w 496"/>
                <a:gd name="T9" fmla="*/ 423 h 495"/>
                <a:gd name="T10" fmla="*/ 387 w 496"/>
                <a:gd name="T11" fmla="*/ 453 h 495"/>
                <a:gd name="T12" fmla="*/ 344 w 496"/>
                <a:gd name="T13" fmla="*/ 476 h 495"/>
                <a:gd name="T14" fmla="*/ 298 w 496"/>
                <a:gd name="T15" fmla="*/ 491 h 495"/>
                <a:gd name="T16" fmla="*/ 247 w 496"/>
                <a:gd name="T17" fmla="*/ 495 h 495"/>
                <a:gd name="T18" fmla="*/ 222 w 496"/>
                <a:gd name="T19" fmla="*/ 494 h 495"/>
                <a:gd name="T20" fmla="*/ 174 w 496"/>
                <a:gd name="T21" fmla="*/ 485 h 495"/>
                <a:gd name="T22" fmla="*/ 130 w 496"/>
                <a:gd name="T23" fmla="*/ 465 h 495"/>
                <a:gd name="T24" fmla="*/ 90 w 496"/>
                <a:gd name="T25" fmla="*/ 439 h 495"/>
                <a:gd name="T26" fmla="*/ 56 w 496"/>
                <a:gd name="T27" fmla="*/ 405 h 495"/>
                <a:gd name="T28" fmla="*/ 30 w 496"/>
                <a:gd name="T29" fmla="*/ 366 h 495"/>
                <a:gd name="T30" fmla="*/ 11 w 496"/>
                <a:gd name="T31" fmla="*/ 321 h 495"/>
                <a:gd name="T32" fmla="*/ 1 w 496"/>
                <a:gd name="T33" fmla="*/ 273 h 495"/>
                <a:gd name="T34" fmla="*/ 0 w 496"/>
                <a:gd name="T35" fmla="*/ 248 h 495"/>
                <a:gd name="T36" fmla="*/ 4 w 496"/>
                <a:gd name="T37" fmla="*/ 198 h 495"/>
                <a:gd name="T38" fmla="*/ 19 w 496"/>
                <a:gd name="T39" fmla="*/ 151 h 495"/>
                <a:gd name="T40" fmla="*/ 42 w 496"/>
                <a:gd name="T41" fmla="*/ 109 h 495"/>
                <a:gd name="T42" fmla="*/ 72 w 496"/>
                <a:gd name="T43" fmla="*/ 72 h 495"/>
                <a:gd name="T44" fmla="*/ 109 w 496"/>
                <a:gd name="T45" fmla="*/ 41 h 495"/>
                <a:gd name="T46" fmla="*/ 151 w 496"/>
                <a:gd name="T47" fmla="*/ 19 h 495"/>
                <a:gd name="T48" fmla="*/ 198 w 496"/>
                <a:gd name="T49" fmla="*/ 5 h 495"/>
                <a:gd name="T50" fmla="*/ 247 w 496"/>
                <a:gd name="T51" fmla="*/ 0 h 495"/>
                <a:gd name="T52" fmla="*/ 273 w 496"/>
                <a:gd name="T53" fmla="*/ 1 h 495"/>
                <a:gd name="T54" fmla="*/ 321 w 496"/>
                <a:gd name="T55" fmla="*/ 10 h 495"/>
                <a:gd name="T56" fmla="*/ 366 w 496"/>
                <a:gd name="T57" fmla="*/ 30 h 495"/>
                <a:gd name="T58" fmla="*/ 405 w 496"/>
                <a:gd name="T59" fmla="*/ 56 h 495"/>
                <a:gd name="T60" fmla="*/ 438 w 496"/>
                <a:gd name="T61" fmla="*/ 90 h 495"/>
                <a:gd name="T62" fmla="*/ 466 w 496"/>
                <a:gd name="T63" fmla="*/ 129 h 495"/>
                <a:gd name="T64" fmla="*/ 485 w 496"/>
                <a:gd name="T65" fmla="*/ 174 h 495"/>
                <a:gd name="T66" fmla="*/ 494 w 496"/>
                <a:gd name="T67" fmla="*/ 222 h 495"/>
                <a:gd name="T68" fmla="*/ 496 w 496"/>
                <a:gd name="T69" fmla="*/ 248 h 49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Lst>
              <a:rect l="0" t="0" r="r" b="b"/>
              <a:pathLst>
                <a:path w="496" h="495">
                  <a:moveTo>
                    <a:pt x="496" y="248"/>
                  </a:moveTo>
                  <a:lnTo>
                    <a:pt x="496" y="248"/>
                  </a:lnTo>
                  <a:lnTo>
                    <a:pt x="494" y="273"/>
                  </a:lnTo>
                  <a:lnTo>
                    <a:pt x="490" y="297"/>
                  </a:lnTo>
                  <a:lnTo>
                    <a:pt x="485" y="321"/>
                  </a:lnTo>
                  <a:lnTo>
                    <a:pt x="476" y="344"/>
                  </a:lnTo>
                  <a:lnTo>
                    <a:pt x="466" y="366"/>
                  </a:lnTo>
                  <a:lnTo>
                    <a:pt x="453" y="386"/>
                  </a:lnTo>
                  <a:lnTo>
                    <a:pt x="438" y="405"/>
                  </a:lnTo>
                  <a:lnTo>
                    <a:pt x="423" y="423"/>
                  </a:lnTo>
                  <a:lnTo>
                    <a:pt x="405" y="439"/>
                  </a:lnTo>
                  <a:lnTo>
                    <a:pt x="387" y="453"/>
                  </a:lnTo>
                  <a:lnTo>
                    <a:pt x="366" y="465"/>
                  </a:lnTo>
                  <a:lnTo>
                    <a:pt x="344" y="476"/>
                  </a:lnTo>
                  <a:lnTo>
                    <a:pt x="321" y="485"/>
                  </a:lnTo>
                  <a:lnTo>
                    <a:pt x="298" y="491"/>
                  </a:lnTo>
                  <a:lnTo>
                    <a:pt x="273" y="494"/>
                  </a:lnTo>
                  <a:lnTo>
                    <a:pt x="247" y="495"/>
                  </a:lnTo>
                  <a:lnTo>
                    <a:pt x="247" y="495"/>
                  </a:lnTo>
                  <a:lnTo>
                    <a:pt x="222" y="494"/>
                  </a:lnTo>
                  <a:lnTo>
                    <a:pt x="198" y="491"/>
                  </a:lnTo>
                  <a:lnTo>
                    <a:pt x="174" y="485"/>
                  </a:lnTo>
                  <a:lnTo>
                    <a:pt x="151" y="476"/>
                  </a:lnTo>
                  <a:lnTo>
                    <a:pt x="130" y="465"/>
                  </a:lnTo>
                  <a:lnTo>
                    <a:pt x="109" y="453"/>
                  </a:lnTo>
                  <a:lnTo>
                    <a:pt x="90" y="439"/>
                  </a:lnTo>
                  <a:lnTo>
                    <a:pt x="72" y="423"/>
                  </a:lnTo>
                  <a:lnTo>
                    <a:pt x="56" y="405"/>
                  </a:lnTo>
                  <a:lnTo>
                    <a:pt x="42" y="386"/>
                  </a:lnTo>
                  <a:lnTo>
                    <a:pt x="30" y="366"/>
                  </a:lnTo>
                  <a:lnTo>
                    <a:pt x="19" y="344"/>
                  </a:lnTo>
                  <a:lnTo>
                    <a:pt x="11" y="321"/>
                  </a:lnTo>
                  <a:lnTo>
                    <a:pt x="4" y="297"/>
                  </a:lnTo>
                  <a:lnTo>
                    <a:pt x="1" y="273"/>
                  </a:lnTo>
                  <a:lnTo>
                    <a:pt x="0" y="248"/>
                  </a:lnTo>
                  <a:lnTo>
                    <a:pt x="0" y="248"/>
                  </a:lnTo>
                  <a:lnTo>
                    <a:pt x="1" y="222"/>
                  </a:lnTo>
                  <a:lnTo>
                    <a:pt x="4" y="198"/>
                  </a:lnTo>
                  <a:lnTo>
                    <a:pt x="11" y="174"/>
                  </a:lnTo>
                  <a:lnTo>
                    <a:pt x="19" y="151"/>
                  </a:lnTo>
                  <a:lnTo>
                    <a:pt x="30" y="129"/>
                  </a:lnTo>
                  <a:lnTo>
                    <a:pt x="42" y="109"/>
                  </a:lnTo>
                  <a:lnTo>
                    <a:pt x="56" y="90"/>
                  </a:lnTo>
                  <a:lnTo>
                    <a:pt x="72" y="72"/>
                  </a:lnTo>
                  <a:lnTo>
                    <a:pt x="90" y="56"/>
                  </a:lnTo>
                  <a:lnTo>
                    <a:pt x="109" y="41"/>
                  </a:lnTo>
                  <a:lnTo>
                    <a:pt x="130" y="30"/>
                  </a:lnTo>
                  <a:lnTo>
                    <a:pt x="151" y="19"/>
                  </a:lnTo>
                  <a:lnTo>
                    <a:pt x="174" y="10"/>
                  </a:lnTo>
                  <a:lnTo>
                    <a:pt x="198" y="5"/>
                  </a:lnTo>
                  <a:lnTo>
                    <a:pt x="222" y="1"/>
                  </a:lnTo>
                  <a:lnTo>
                    <a:pt x="247" y="0"/>
                  </a:lnTo>
                  <a:lnTo>
                    <a:pt x="247" y="0"/>
                  </a:lnTo>
                  <a:lnTo>
                    <a:pt x="273" y="1"/>
                  </a:lnTo>
                  <a:lnTo>
                    <a:pt x="298" y="5"/>
                  </a:lnTo>
                  <a:lnTo>
                    <a:pt x="321" y="10"/>
                  </a:lnTo>
                  <a:lnTo>
                    <a:pt x="344" y="19"/>
                  </a:lnTo>
                  <a:lnTo>
                    <a:pt x="366" y="30"/>
                  </a:lnTo>
                  <a:lnTo>
                    <a:pt x="387" y="41"/>
                  </a:lnTo>
                  <a:lnTo>
                    <a:pt x="405" y="56"/>
                  </a:lnTo>
                  <a:lnTo>
                    <a:pt x="423" y="72"/>
                  </a:lnTo>
                  <a:lnTo>
                    <a:pt x="438" y="90"/>
                  </a:lnTo>
                  <a:lnTo>
                    <a:pt x="453" y="109"/>
                  </a:lnTo>
                  <a:lnTo>
                    <a:pt x="466" y="129"/>
                  </a:lnTo>
                  <a:lnTo>
                    <a:pt x="476" y="151"/>
                  </a:lnTo>
                  <a:lnTo>
                    <a:pt x="485" y="174"/>
                  </a:lnTo>
                  <a:lnTo>
                    <a:pt x="490" y="198"/>
                  </a:lnTo>
                  <a:lnTo>
                    <a:pt x="494" y="222"/>
                  </a:lnTo>
                  <a:lnTo>
                    <a:pt x="496" y="248"/>
                  </a:lnTo>
                  <a:lnTo>
                    <a:pt x="496" y="248"/>
                  </a:lnTo>
                  <a:close/>
                </a:path>
              </a:pathLst>
            </a:custGeom>
            <a:solidFill>
              <a:srgbClr val="A1D469"/>
            </a:solidFill>
            <a:ln w="11113">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nvGrpSpPr>
            <p:cNvPr id="31" name="Group 30">
              <a:extLst>
                <a:ext uri="{FF2B5EF4-FFF2-40B4-BE49-F238E27FC236}">
                  <a16:creationId xmlns:a16="http://schemas.microsoft.com/office/drawing/2014/main" id="{3FFD2F93-18FF-43F4-9227-B679B8F6ABCC}"/>
                </a:ext>
              </a:extLst>
            </p:cNvPr>
            <p:cNvGrpSpPr/>
            <p:nvPr userDrawn="1"/>
          </p:nvGrpSpPr>
          <p:grpSpPr>
            <a:xfrm>
              <a:off x="5256214" y="2441576"/>
              <a:ext cx="144463" cy="149225"/>
              <a:chOff x="5256214" y="2441576"/>
              <a:chExt cx="144463" cy="149225"/>
            </a:xfrm>
          </p:grpSpPr>
          <p:sp>
            <p:nvSpPr>
              <p:cNvPr id="28" name="Freeform 13">
                <a:extLst>
                  <a:ext uri="{FF2B5EF4-FFF2-40B4-BE49-F238E27FC236}">
                    <a16:creationId xmlns:a16="http://schemas.microsoft.com/office/drawing/2014/main" id="{8494F273-18E0-4B5B-B55E-89EFF87C1304}"/>
                  </a:ext>
                </a:extLst>
              </p:cNvPr>
              <p:cNvSpPr>
                <a:spLocks/>
              </p:cNvSpPr>
              <p:nvPr userDrawn="1"/>
            </p:nvSpPr>
            <p:spPr bwMode="auto">
              <a:xfrm>
                <a:off x="5256214" y="2441576"/>
                <a:ext cx="90488" cy="147638"/>
              </a:xfrm>
              <a:custGeom>
                <a:avLst/>
                <a:gdLst>
                  <a:gd name="T0" fmla="*/ 8 w 114"/>
                  <a:gd name="T1" fmla="*/ 186 h 186"/>
                  <a:gd name="T2" fmla="*/ 6 w 114"/>
                  <a:gd name="T3" fmla="*/ 186 h 186"/>
                  <a:gd name="T4" fmla="*/ 2 w 114"/>
                  <a:gd name="T5" fmla="*/ 182 h 186"/>
                  <a:gd name="T6" fmla="*/ 2 w 114"/>
                  <a:gd name="T7" fmla="*/ 180 h 186"/>
                  <a:gd name="T8" fmla="*/ 0 w 114"/>
                  <a:gd name="T9" fmla="*/ 171 h 186"/>
                  <a:gd name="T10" fmla="*/ 3 w 114"/>
                  <a:gd name="T11" fmla="*/ 166 h 186"/>
                  <a:gd name="T12" fmla="*/ 6 w 114"/>
                  <a:gd name="T13" fmla="*/ 159 h 186"/>
                  <a:gd name="T14" fmla="*/ 48 w 114"/>
                  <a:gd name="T15" fmla="*/ 117 h 186"/>
                  <a:gd name="T16" fmla="*/ 68 w 114"/>
                  <a:gd name="T17" fmla="*/ 91 h 186"/>
                  <a:gd name="T18" fmla="*/ 79 w 114"/>
                  <a:gd name="T19" fmla="*/ 73 h 186"/>
                  <a:gd name="T20" fmla="*/ 81 w 114"/>
                  <a:gd name="T21" fmla="*/ 59 h 186"/>
                  <a:gd name="T22" fmla="*/ 82 w 114"/>
                  <a:gd name="T23" fmla="*/ 52 h 186"/>
                  <a:gd name="T24" fmla="*/ 78 w 114"/>
                  <a:gd name="T25" fmla="*/ 35 h 186"/>
                  <a:gd name="T26" fmla="*/ 68 w 114"/>
                  <a:gd name="T27" fmla="*/ 27 h 186"/>
                  <a:gd name="T28" fmla="*/ 64 w 114"/>
                  <a:gd name="T29" fmla="*/ 25 h 186"/>
                  <a:gd name="T30" fmla="*/ 51 w 114"/>
                  <a:gd name="T31" fmla="*/ 22 h 186"/>
                  <a:gd name="T32" fmla="*/ 44 w 114"/>
                  <a:gd name="T33" fmla="*/ 22 h 186"/>
                  <a:gd name="T34" fmla="*/ 30 w 114"/>
                  <a:gd name="T35" fmla="*/ 26 h 186"/>
                  <a:gd name="T36" fmla="*/ 22 w 114"/>
                  <a:gd name="T37" fmla="*/ 29 h 186"/>
                  <a:gd name="T38" fmla="*/ 13 w 114"/>
                  <a:gd name="T39" fmla="*/ 35 h 186"/>
                  <a:gd name="T40" fmla="*/ 6 w 114"/>
                  <a:gd name="T41" fmla="*/ 37 h 186"/>
                  <a:gd name="T42" fmla="*/ 5 w 114"/>
                  <a:gd name="T43" fmla="*/ 35 h 186"/>
                  <a:gd name="T44" fmla="*/ 5 w 114"/>
                  <a:gd name="T45" fmla="*/ 20 h 186"/>
                  <a:gd name="T46" fmla="*/ 6 w 114"/>
                  <a:gd name="T47" fmla="*/ 18 h 186"/>
                  <a:gd name="T48" fmla="*/ 7 w 114"/>
                  <a:gd name="T49" fmla="*/ 15 h 186"/>
                  <a:gd name="T50" fmla="*/ 25 w 114"/>
                  <a:gd name="T51" fmla="*/ 6 h 186"/>
                  <a:gd name="T52" fmla="*/ 38 w 114"/>
                  <a:gd name="T53" fmla="*/ 3 h 186"/>
                  <a:gd name="T54" fmla="*/ 45 w 114"/>
                  <a:gd name="T55" fmla="*/ 0 h 186"/>
                  <a:gd name="T56" fmla="*/ 53 w 114"/>
                  <a:gd name="T57" fmla="*/ 0 h 186"/>
                  <a:gd name="T58" fmla="*/ 78 w 114"/>
                  <a:gd name="T59" fmla="*/ 4 h 186"/>
                  <a:gd name="T60" fmla="*/ 86 w 114"/>
                  <a:gd name="T61" fmla="*/ 8 h 186"/>
                  <a:gd name="T62" fmla="*/ 98 w 114"/>
                  <a:gd name="T63" fmla="*/ 21 h 186"/>
                  <a:gd name="T64" fmla="*/ 105 w 114"/>
                  <a:gd name="T65" fmla="*/ 36 h 186"/>
                  <a:gd name="T66" fmla="*/ 106 w 114"/>
                  <a:gd name="T67" fmla="*/ 56 h 186"/>
                  <a:gd name="T68" fmla="*/ 105 w 114"/>
                  <a:gd name="T69" fmla="*/ 65 h 186"/>
                  <a:gd name="T70" fmla="*/ 96 w 114"/>
                  <a:gd name="T71" fmla="*/ 90 h 186"/>
                  <a:gd name="T72" fmla="*/ 78 w 114"/>
                  <a:gd name="T73" fmla="*/ 114 h 186"/>
                  <a:gd name="T74" fmla="*/ 30 w 114"/>
                  <a:gd name="T75" fmla="*/ 165 h 186"/>
                  <a:gd name="T76" fmla="*/ 110 w 114"/>
                  <a:gd name="T77" fmla="*/ 165 h 186"/>
                  <a:gd name="T78" fmla="*/ 112 w 114"/>
                  <a:gd name="T79" fmla="*/ 166 h 186"/>
                  <a:gd name="T80" fmla="*/ 114 w 114"/>
                  <a:gd name="T81" fmla="*/ 171 h 186"/>
                  <a:gd name="T82" fmla="*/ 114 w 114"/>
                  <a:gd name="T83" fmla="*/ 176 h 186"/>
                  <a:gd name="T84" fmla="*/ 113 w 114"/>
                  <a:gd name="T85" fmla="*/ 185 h 186"/>
                  <a:gd name="T86" fmla="*/ 110 w 114"/>
                  <a:gd name="T87" fmla="*/ 186 h 18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Lst>
                <a:rect l="0" t="0" r="r" b="b"/>
                <a:pathLst>
                  <a:path w="114" h="186">
                    <a:moveTo>
                      <a:pt x="110" y="186"/>
                    </a:moveTo>
                    <a:lnTo>
                      <a:pt x="8" y="186"/>
                    </a:lnTo>
                    <a:lnTo>
                      <a:pt x="8" y="186"/>
                    </a:lnTo>
                    <a:lnTo>
                      <a:pt x="6" y="186"/>
                    </a:lnTo>
                    <a:lnTo>
                      <a:pt x="4" y="185"/>
                    </a:lnTo>
                    <a:lnTo>
                      <a:pt x="2" y="182"/>
                    </a:lnTo>
                    <a:lnTo>
                      <a:pt x="2" y="180"/>
                    </a:lnTo>
                    <a:lnTo>
                      <a:pt x="2" y="180"/>
                    </a:lnTo>
                    <a:lnTo>
                      <a:pt x="0" y="176"/>
                    </a:lnTo>
                    <a:lnTo>
                      <a:pt x="0" y="171"/>
                    </a:lnTo>
                    <a:lnTo>
                      <a:pt x="0" y="171"/>
                    </a:lnTo>
                    <a:lnTo>
                      <a:pt x="3" y="166"/>
                    </a:lnTo>
                    <a:lnTo>
                      <a:pt x="6" y="159"/>
                    </a:lnTo>
                    <a:lnTo>
                      <a:pt x="6" y="159"/>
                    </a:lnTo>
                    <a:lnTo>
                      <a:pt x="35" y="131"/>
                    </a:lnTo>
                    <a:lnTo>
                      <a:pt x="48" y="117"/>
                    </a:lnTo>
                    <a:lnTo>
                      <a:pt x="59" y="104"/>
                    </a:lnTo>
                    <a:lnTo>
                      <a:pt x="68" y="91"/>
                    </a:lnTo>
                    <a:lnTo>
                      <a:pt x="75" y="79"/>
                    </a:lnTo>
                    <a:lnTo>
                      <a:pt x="79" y="73"/>
                    </a:lnTo>
                    <a:lnTo>
                      <a:pt x="80" y="66"/>
                    </a:lnTo>
                    <a:lnTo>
                      <a:pt x="81" y="59"/>
                    </a:lnTo>
                    <a:lnTo>
                      <a:pt x="82" y="52"/>
                    </a:lnTo>
                    <a:lnTo>
                      <a:pt x="82" y="52"/>
                    </a:lnTo>
                    <a:lnTo>
                      <a:pt x="81" y="43"/>
                    </a:lnTo>
                    <a:lnTo>
                      <a:pt x="78" y="35"/>
                    </a:lnTo>
                    <a:lnTo>
                      <a:pt x="72" y="29"/>
                    </a:lnTo>
                    <a:lnTo>
                      <a:pt x="68" y="27"/>
                    </a:lnTo>
                    <a:lnTo>
                      <a:pt x="64" y="25"/>
                    </a:lnTo>
                    <a:lnTo>
                      <a:pt x="64" y="25"/>
                    </a:lnTo>
                    <a:lnTo>
                      <a:pt x="58" y="22"/>
                    </a:lnTo>
                    <a:lnTo>
                      <a:pt x="51" y="22"/>
                    </a:lnTo>
                    <a:lnTo>
                      <a:pt x="51" y="22"/>
                    </a:lnTo>
                    <a:lnTo>
                      <a:pt x="44" y="22"/>
                    </a:lnTo>
                    <a:lnTo>
                      <a:pt x="38" y="23"/>
                    </a:lnTo>
                    <a:lnTo>
                      <a:pt x="30" y="26"/>
                    </a:lnTo>
                    <a:lnTo>
                      <a:pt x="22" y="29"/>
                    </a:lnTo>
                    <a:lnTo>
                      <a:pt x="22" y="29"/>
                    </a:lnTo>
                    <a:lnTo>
                      <a:pt x="13" y="35"/>
                    </a:lnTo>
                    <a:lnTo>
                      <a:pt x="13" y="35"/>
                    </a:lnTo>
                    <a:lnTo>
                      <a:pt x="8" y="37"/>
                    </a:lnTo>
                    <a:lnTo>
                      <a:pt x="6" y="37"/>
                    </a:lnTo>
                    <a:lnTo>
                      <a:pt x="5" y="35"/>
                    </a:lnTo>
                    <a:lnTo>
                      <a:pt x="5" y="35"/>
                    </a:lnTo>
                    <a:lnTo>
                      <a:pt x="4" y="27"/>
                    </a:lnTo>
                    <a:lnTo>
                      <a:pt x="5" y="20"/>
                    </a:lnTo>
                    <a:lnTo>
                      <a:pt x="5" y="20"/>
                    </a:lnTo>
                    <a:lnTo>
                      <a:pt x="6" y="18"/>
                    </a:lnTo>
                    <a:lnTo>
                      <a:pt x="7" y="15"/>
                    </a:lnTo>
                    <a:lnTo>
                      <a:pt x="7" y="15"/>
                    </a:lnTo>
                    <a:lnTo>
                      <a:pt x="14" y="11"/>
                    </a:lnTo>
                    <a:lnTo>
                      <a:pt x="25" y="6"/>
                    </a:lnTo>
                    <a:lnTo>
                      <a:pt x="25" y="6"/>
                    </a:lnTo>
                    <a:lnTo>
                      <a:pt x="38" y="3"/>
                    </a:lnTo>
                    <a:lnTo>
                      <a:pt x="38" y="3"/>
                    </a:lnTo>
                    <a:lnTo>
                      <a:pt x="45" y="0"/>
                    </a:lnTo>
                    <a:lnTo>
                      <a:pt x="53" y="0"/>
                    </a:lnTo>
                    <a:lnTo>
                      <a:pt x="53" y="0"/>
                    </a:lnTo>
                    <a:lnTo>
                      <a:pt x="66" y="2"/>
                    </a:lnTo>
                    <a:lnTo>
                      <a:pt x="78" y="4"/>
                    </a:lnTo>
                    <a:lnTo>
                      <a:pt x="78" y="4"/>
                    </a:lnTo>
                    <a:lnTo>
                      <a:pt x="86" y="8"/>
                    </a:lnTo>
                    <a:lnTo>
                      <a:pt x="94" y="14"/>
                    </a:lnTo>
                    <a:lnTo>
                      <a:pt x="98" y="21"/>
                    </a:lnTo>
                    <a:lnTo>
                      <a:pt x="103" y="28"/>
                    </a:lnTo>
                    <a:lnTo>
                      <a:pt x="105" y="36"/>
                    </a:lnTo>
                    <a:lnTo>
                      <a:pt x="106" y="45"/>
                    </a:lnTo>
                    <a:lnTo>
                      <a:pt x="106" y="56"/>
                    </a:lnTo>
                    <a:lnTo>
                      <a:pt x="105" y="65"/>
                    </a:lnTo>
                    <a:lnTo>
                      <a:pt x="105" y="65"/>
                    </a:lnTo>
                    <a:lnTo>
                      <a:pt x="102" y="78"/>
                    </a:lnTo>
                    <a:lnTo>
                      <a:pt x="96" y="90"/>
                    </a:lnTo>
                    <a:lnTo>
                      <a:pt x="87" y="102"/>
                    </a:lnTo>
                    <a:lnTo>
                      <a:pt x="78" y="114"/>
                    </a:lnTo>
                    <a:lnTo>
                      <a:pt x="55" y="140"/>
                    </a:lnTo>
                    <a:lnTo>
                      <a:pt x="30" y="165"/>
                    </a:lnTo>
                    <a:lnTo>
                      <a:pt x="110" y="165"/>
                    </a:lnTo>
                    <a:lnTo>
                      <a:pt x="110" y="165"/>
                    </a:lnTo>
                    <a:lnTo>
                      <a:pt x="111" y="165"/>
                    </a:lnTo>
                    <a:lnTo>
                      <a:pt x="112" y="166"/>
                    </a:lnTo>
                    <a:lnTo>
                      <a:pt x="113" y="169"/>
                    </a:lnTo>
                    <a:lnTo>
                      <a:pt x="114" y="171"/>
                    </a:lnTo>
                    <a:lnTo>
                      <a:pt x="114" y="171"/>
                    </a:lnTo>
                    <a:lnTo>
                      <a:pt x="114" y="176"/>
                    </a:lnTo>
                    <a:lnTo>
                      <a:pt x="114" y="180"/>
                    </a:lnTo>
                    <a:lnTo>
                      <a:pt x="113" y="185"/>
                    </a:lnTo>
                    <a:lnTo>
                      <a:pt x="111" y="186"/>
                    </a:lnTo>
                    <a:lnTo>
                      <a:pt x="110" y="186"/>
                    </a:lnTo>
                    <a:lnTo>
                      <a:pt x="110" y="186"/>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sp>
            <p:nvSpPr>
              <p:cNvPr id="29" name="Freeform 14">
                <a:extLst>
                  <a:ext uri="{FF2B5EF4-FFF2-40B4-BE49-F238E27FC236}">
                    <a16:creationId xmlns:a16="http://schemas.microsoft.com/office/drawing/2014/main" id="{248B8B06-D6A5-4B42-A875-BE25C980E2E8}"/>
                  </a:ext>
                </a:extLst>
              </p:cNvPr>
              <p:cNvSpPr>
                <a:spLocks/>
              </p:cNvSpPr>
              <p:nvPr userDrawn="1"/>
            </p:nvSpPr>
            <p:spPr bwMode="auto">
              <a:xfrm>
                <a:off x="5376864" y="2563813"/>
                <a:ext cx="23813" cy="26988"/>
              </a:xfrm>
              <a:custGeom>
                <a:avLst/>
                <a:gdLst>
                  <a:gd name="T0" fmla="*/ 30 w 30"/>
                  <a:gd name="T1" fmla="*/ 16 h 32"/>
                  <a:gd name="T2" fmla="*/ 30 w 30"/>
                  <a:gd name="T3" fmla="*/ 16 h 32"/>
                  <a:gd name="T4" fmla="*/ 30 w 30"/>
                  <a:gd name="T5" fmla="*/ 23 h 32"/>
                  <a:gd name="T6" fmla="*/ 29 w 30"/>
                  <a:gd name="T7" fmla="*/ 26 h 32"/>
                  <a:gd name="T8" fmla="*/ 28 w 30"/>
                  <a:gd name="T9" fmla="*/ 29 h 32"/>
                  <a:gd name="T10" fmla="*/ 26 w 30"/>
                  <a:gd name="T11" fmla="*/ 30 h 32"/>
                  <a:gd name="T12" fmla="*/ 23 w 30"/>
                  <a:gd name="T13" fmla="*/ 31 h 32"/>
                  <a:gd name="T14" fmla="*/ 15 w 30"/>
                  <a:gd name="T15" fmla="*/ 32 h 32"/>
                  <a:gd name="T16" fmla="*/ 15 w 30"/>
                  <a:gd name="T17" fmla="*/ 32 h 32"/>
                  <a:gd name="T18" fmla="*/ 8 w 30"/>
                  <a:gd name="T19" fmla="*/ 31 h 32"/>
                  <a:gd name="T20" fmla="*/ 5 w 30"/>
                  <a:gd name="T21" fmla="*/ 30 h 32"/>
                  <a:gd name="T22" fmla="*/ 4 w 30"/>
                  <a:gd name="T23" fmla="*/ 29 h 32"/>
                  <a:gd name="T24" fmla="*/ 2 w 30"/>
                  <a:gd name="T25" fmla="*/ 26 h 32"/>
                  <a:gd name="T26" fmla="*/ 0 w 30"/>
                  <a:gd name="T27" fmla="*/ 24 h 32"/>
                  <a:gd name="T28" fmla="*/ 0 w 30"/>
                  <a:gd name="T29" fmla="*/ 16 h 32"/>
                  <a:gd name="T30" fmla="*/ 0 w 30"/>
                  <a:gd name="T31" fmla="*/ 16 h 32"/>
                  <a:gd name="T32" fmla="*/ 0 w 30"/>
                  <a:gd name="T33" fmla="*/ 8 h 32"/>
                  <a:gd name="T34" fmla="*/ 2 w 30"/>
                  <a:gd name="T35" fmla="*/ 6 h 32"/>
                  <a:gd name="T36" fmla="*/ 4 w 30"/>
                  <a:gd name="T37" fmla="*/ 3 h 32"/>
                  <a:gd name="T38" fmla="*/ 5 w 30"/>
                  <a:gd name="T39" fmla="*/ 1 h 32"/>
                  <a:gd name="T40" fmla="*/ 8 w 30"/>
                  <a:gd name="T41" fmla="*/ 0 h 32"/>
                  <a:gd name="T42" fmla="*/ 15 w 30"/>
                  <a:gd name="T43" fmla="*/ 0 h 32"/>
                  <a:gd name="T44" fmla="*/ 15 w 30"/>
                  <a:gd name="T45" fmla="*/ 0 h 32"/>
                  <a:gd name="T46" fmla="*/ 23 w 30"/>
                  <a:gd name="T47" fmla="*/ 0 h 32"/>
                  <a:gd name="T48" fmla="*/ 26 w 30"/>
                  <a:gd name="T49" fmla="*/ 1 h 32"/>
                  <a:gd name="T50" fmla="*/ 28 w 30"/>
                  <a:gd name="T51" fmla="*/ 3 h 32"/>
                  <a:gd name="T52" fmla="*/ 29 w 30"/>
                  <a:gd name="T53" fmla="*/ 6 h 32"/>
                  <a:gd name="T54" fmla="*/ 30 w 30"/>
                  <a:gd name="T55" fmla="*/ 8 h 32"/>
                  <a:gd name="T56" fmla="*/ 30 w 30"/>
                  <a:gd name="T57" fmla="*/ 16 h 32"/>
                  <a:gd name="T58" fmla="*/ 30 w 30"/>
                  <a:gd name="T59" fmla="*/ 16 h 3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Lst>
                <a:rect l="0" t="0" r="r" b="b"/>
                <a:pathLst>
                  <a:path w="30" h="32">
                    <a:moveTo>
                      <a:pt x="30" y="16"/>
                    </a:moveTo>
                    <a:lnTo>
                      <a:pt x="30" y="16"/>
                    </a:lnTo>
                    <a:lnTo>
                      <a:pt x="30" y="23"/>
                    </a:lnTo>
                    <a:lnTo>
                      <a:pt x="29" y="26"/>
                    </a:lnTo>
                    <a:lnTo>
                      <a:pt x="28" y="29"/>
                    </a:lnTo>
                    <a:lnTo>
                      <a:pt x="26" y="30"/>
                    </a:lnTo>
                    <a:lnTo>
                      <a:pt x="23" y="31"/>
                    </a:lnTo>
                    <a:lnTo>
                      <a:pt x="15" y="32"/>
                    </a:lnTo>
                    <a:lnTo>
                      <a:pt x="15" y="32"/>
                    </a:lnTo>
                    <a:lnTo>
                      <a:pt x="8" y="31"/>
                    </a:lnTo>
                    <a:lnTo>
                      <a:pt x="5" y="30"/>
                    </a:lnTo>
                    <a:lnTo>
                      <a:pt x="4" y="29"/>
                    </a:lnTo>
                    <a:lnTo>
                      <a:pt x="2" y="26"/>
                    </a:lnTo>
                    <a:lnTo>
                      <a:pt x="0" y="24"/>
                    </a:lnTo>
                    <a:lnTo>
                      <a:pt x="0" y="16"/>
                    </a:lnTo>
                    <a:lnTo>
                      <a:pt x="0" y="16"/>
                    </a:lnTo>
                    <a:lnTo>
                      <a:pt x="0" y="8"/>
                    </a:lnTo>
                    <a:lnTo>
                      <a:pt x="2" y="6"/>
                    </a:lnTo>
                    <a:lnTo>
                      <a:pt x="4" y="3"/>
                    </a:lnTo>
                    <a:lnTo>
                      <a:pt x="5" y="1"/>
                    </a:lnTo>
                    <a:lnTo>
                      <a:pt x="8" y="0"/>
                    </a:lnTo>
                    <a:lnTo>
                      <a:pt x="15" y="0"/>
                    </a:lnTo>
                    <a:lnTo>
                      <a:pt x="15" y="0"/>
                    </a:lnTo>
                    <a:lnTo>
                      <a:pt x="23" y="0"/>
                    </a:lnTo>
                    <a:lnTo>
                      <a:pt x="26" y="1"/>
                    </a:lnTo>
                    <a:lnTo>
                      <a:pt x="28" y="3"/>
                    </a:lnTo>
                    <a:lnTo>
                      <a:pt x="29" y="6"/>
                    </a:lnTo>
                    <a:lnTo>
                      <a:pt x="30" y="8"/>
                    </a:lnTo>
                    <a:lnTo>
                      <a:pt x="30" y="16"/>
                    </a:lnTo>
                    <a:lnTo>
                      <a:pt x="30" y="16"/>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121917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494C4F"/>
                  </a:solidFill>
                  <a:effectLst/>
                  <a:uLnTx/>
                  <a:uFillTx/>
                  <a:latin typeface="Calibri"/>
                  <a:ea typeface="+mn-ea"/>
                  <a:cs typeface="+mn-cs"/>
                </a:endParaRPr>
              </a:p>
            </p:txBody>
          </p:sp>
        </p:grpSp>
      </p:grpSp>
    </p:spTree>
    <p:extLst>
      <p:ext uri="{BB962C8B-B14F-4D97-AF65-F5344CB8AC3E}">
        <p14:creationId xmlns:p14="http://schemas.microsoft.com/office/powerpoint/2010/main" val="3225948258"/>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25524498"/>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40459000"/>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7179305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fld id="{3CBB3C27-2177-4D32-9CC6-B00AA9C47D02}" type="datetimeFigureOut">
              <a:rPr lang="tr-TR" smtClean="0"/>
              <a:t>8.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610164972"/>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34993910"/>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74747492"/>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73143439"/>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63828488"/>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4985365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14875827"/>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28091749"/>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02448790"/>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09710803"/>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6896689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fld id="{3CBB3C27-2177-4D32-9CC6-B00AA9C47D02}" type="datetimeFigureOut">
              <a:rPr lang="tr-TR" smtClean="0"/>
              <a:t>8.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2002511535"/>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000102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5546845"/>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1229170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10624835"/>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72132014"/>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11342415"/>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46973743"/>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87517574"/>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14135017"/>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F74D4D-4A74-44E2-A7F5-2345A0EBB4CB}"/>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6A976493-E6F7-4EB7-8C45-7910C6D2CB2D}"/>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35A966C4-FF88-4203-80DC-9487B703E28A}"/>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8E57353C-90B2-4BDA-A83E-FD27123E8914}"/>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A09183C8-3C05-492A-AF30-9B543F9601EF}"/>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2567605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fld id="{3CBB3C27-2177-4D32-9CC6-B00AA9C47D02}" type="datetimeFigureOut">
              <a:rPr lang="tr-TR" smtClean="0"/>
              <a:t>8.09.2024</a:t>
            </a:fld>
            <a:endParaRPr lang="tr-TR"/>
          </a:p>
        </p:txBody>
      </p:sp>
      <p:sp>
        <p:nvSpPr>
          <p:cNvPr id="8" name="Altbilgi Yer Tutucusu 7"/>
          <p:cNvSpPr>
            <a:spLocks noGrp="1"/>
          </p:cNvSpPr>
          <p:nvPr>
            <p:ph type="ftr" sz="quarter" idx="11"/>
          </p:nvPr>
        </p:nvSpPr>
        <p:spPr/>
        <p:txBody>
          <a:bodyPr/>
          <a:lstStyle/>
          <a:p>
            <a:endParaRPr lang="tr-TR"/>
          </a:p>
        </p:txBody>
      </p:sp>
      <p:sp>
        <p:nvSpPr>
          <p:cNvPr id="9" name="Slayt Numarası Yer Tutucusu 8"/>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1888934664"/>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F594540-9962-4998-B8F7-5BC5A092FB61}"/>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28DB35F1-1080-4DCE-BB49-4478BEF0A1D7}"/>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5CAC5981-4815-47D3-87B1-41426DE2E0DE}"/>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DB20E730-4230-4931-B92B-8C451EA3D801}"/>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5DC26C17-BB25-4475-9466-8649CE4A6BE5}"/>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72220628"/>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B954815-926C-4179-9D0C-7366538EA84B}"/>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152758DE-2AB3-42CF-9585-4812B8DBFFEB}"/>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B23F96A3-4778-483E-A265-77611A563202}"/>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45C7CD60-6076-4E4F-BA10-22DDB66A43E7}"/>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A311F61C-AEAC-4226-BF92-9A000C8456E2}"/>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16361002"/>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195AD6-31F3-473F-B40A-CA82A1AD9CF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82D56030-5B5A-43EC-919D-9FB261931B6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43B1D08F-2FE0-4275-B6A4-C65557773D66}"/>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26996516-1BFD-428B-8E13-9103F969D560}"/>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573BB9D9-92FA-4C85-A96A-3EE265E80D80}"/>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E3B83993-F863-43A0-A868-31E250AB2055}"/>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96157594"/>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ACCFF2-1CEB-4E95-BEE2-F2913C0F56F2}"/>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8598F17E-1F83-49A0-9721-2759BE3718C6}"/>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7BB97C09-2594-4909-8195-224C76ABCB6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7DD49989-5C88-4153-9AFC-FD5C188E1A5F}"/>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20B09E69-B079-45D2-841E-5BDCE28F54AF}"/>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EB9060C2-3FE3-4AA6-AC58-F92A4392491A}"/>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Footer Placeholder 7">
            <a:extLst>
              <a:ext uri="{FF2B5EF4-FFF2-40B4-BE49-F238E27FC236}">
                <a16:creationId xmlns:a16="http://schemas.microsoft.com/office/drawing/2014/main" id="{1E5E39AB-DF3F-4F81-B46E-C4B4E778BEFD}"/>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ide Number Placeholder 8">
            <a:extLst>
              <a:ext uri="{FF2B5EF4-FFF2-40B4-BE49-F238E27FC236}">
                <a16:creationId xmlns:a16="http://schemas.microsoft.com/office/drawing/2014/main" id="{25F492DF-3B01-47CF-95D6-655EAC1800C1}"/>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77798814"/>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6F6E35-549E-44A6-8628-A5D1BAC2AC0B}"/>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13456B9C-7782-4DAB-9B40-3D950F8B16AD}"/>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Footer Placeholder 3">
            <a:extLst>
              <a:ext uri="{FF2B5EF4-FFF2-40B4-BE49-F238E27FC236}">
                <a16:creationId xmlns:a16="http://schemas.microsoft.com/office/drawing/2014/main" id="{8FFB444A-CE2C-42E3-A4B0-6C18E3990661}"/>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ide Number Placeholder 4">
            <a:extLst>
              <a:ext uri="{FF2B5EF4-FFF2-40B4-BE49-F238E27FC236}">
                <a16:creationId xmlns:a16="http://schemas.microsoft.com/office/drawing/2014/main" id="{8A2659A4-20AA-4D8F-B699-DFA4DB3248E2}"/>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25011294"/>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A9D3E18B-4500-497F-8EF4-E5636F5534D9}"/>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Footer Placeholder 2">
            <a:extLst>
              <a:ext uri="{FF2B5EF4-FFF2-40B4-BE49-F238E27FC236}">
                <a16:creationId xmlns:a16="http://schemas.microsoft.com/office/drawing/2014/main" id="{E8C23530-4767-4459-BB2B-DD7C26863279}"/>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ide Number Placeholder 3">
            <a:extLst>
              <a:ext uri="{FF2B5EF4-FFF2-40B4-BE49-F238E27FC236}">
                <a16:creationId xmlns:a16="http://schemas.microsoft.com/office/drawing/2014/main" id="{A720EAAC-6764-4834-98DE-77B7F380D96D}"/>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5671694"/>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9856C7F-3098-4124-992C-C9B16DB6846A}"/>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E2650ED1-37FC-4FF9-959F-7D48923D5652}"/>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3DF1C82C-F1FD-4D56-A1A2-82B899C3B12E}"/>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0088B5A1-9DB9-421F-AFA6-882F0AC1E1A8}"/>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6871C0FF-E25D-4BA3-B454-EABD66B4CF91}"/>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8B3B03AF-E17E-4ABE-8B01-4E7306B459A9}"/>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23064910"/>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4619567-E90E-44EF-B4B1-9D1A5B974046}"/>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7E4CB357-E68C-472D-A9A3-DA8701F61D94}"/>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629480E-A65C-423A-86CA-0DA66563D8BA}"/>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CB44A532-6353-4A90-824F-A454FFFA4853}"/>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Footer Placeholder 5">
            <a:extLst>
              <a:ext uri="{FF2B5EF4-FFF2-40B4-BE49-F238E27FC236}">
                <a16:creationId xmlns:a16="http://schemas.microsoft.com/office/drawing/2014/main" id="{AEBBD082-3DD9-4691-B04B-62C5E726F8EF}"/>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ide Number Placeholder 6">
            <a:extLst>
              <a:ext uri="{FF2B5EF4-FFF2-40B4-BE49-F238E27FC236}">
                <a16:creationId xmlns:a16="http://schemas.microsoft.com/office/drawing/2014/main" id="{1CD634B5-F73E-4AAA-9348-784288B00D19}"/>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53610745"/>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C1E90F4-E281-4582-9245-C0DD350961FA}"/>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867FE288-405B-4F11-92DA-1E7A1908B8FD}"/>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6EFEDFE6-A535-479C-B701-69DAD9C5592B}"/>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B709CE90-C33A-4810-ADC5-3BA2EBF31526}"/>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077E8B81-94FC-4D9A-8273-1D014B5E53E0}"/>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4807911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73E97802-8476-4F0F-8DFF-874A9275E49A}"/>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3F58A40C-09D8-4A6F-BACF-4A7C4F1E1FBE}"/>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79BD2E27-FF4B-4C84-8951-7E9BDA71C1EF}"/>
              </a:ext>
            </a:extLst>
          </p:cNvPr>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900F9B60-B759-4FA4-B0E5-332CF3C14187}"/>
              </a:ext>
            </a:extLst>
          </p:cNvPr>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0B43FD78-8116-46A0-9339-9F99CA3D73AE}"/>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4468958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fld id="{3CBB3C27-2177-4D32-9CC6-B00AA9C47D02}" type="datetimeFigureOut">
              <a:rPr lang="tr-TR" smtClean="0"/>
              <a:t>8.09.2024</a:t>
            </a:fld>
            <a:endParaRPr lang="tr-TR"/>
          </a:p>
        </p:txBody>
      </p:sp>
      <p:sp>
        <p:nvSpPr>
          <p:cNvPr id="4" name="Altbilgi Yer Tutucusu 3"/>
          <p:cNvSpPr>
            <a:spLocks noGrp="1"/>
          </p:cNvSpPr>
          <p:nvPr>
            <p:ph type="ftr" sz="quarter" idx="11"/>
          </p:nvPr>
        </p:nvSpPr>
        <p:spPr/>
        <p:txBody>
          <a:bodyPr/>
          <a:lstStyle/>
          <a:p>
            <a:endParaRPr lang="tr-TR"/>
          </a:p>
        </p:txBody>
      </p:sp>
      <p:sp>
        <p:nvSpPr>
          <p:cNvPr id="5" name="Slayt Numarası Yer Tutucusu 4"/>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1458267900"/>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3869820613"/>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marL="0" marR="0" lvl="0" indent="0" algn="ct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en-US" altLang="ko-KR" sz="1200" b="0" i="0" u="none" strike="noStrike" kern="1200" cap="none" spc="0" normalizeH="0" baseline="0" noProof="0" smtClean="0">
                <a:ln>
                  <a:noFill/>
                </a:ln>
                <a:solidFill>
                  <a:prstClr val="white">
                    <a:lumMod val="50000"/>
                  </a:prstClr>
                </a:solidFill>
                <a:effectLst/>
                <a:uLnTx/>
                <a:uFillTx/>
                <a:latin typeface="Bahnschrift SemiCondensed" panose="020B0502040204020203" pitchFamily="34" charset="0"/>
                <a:ea typeface="맑은 고딕"/>
                <a:cs typeface="+mn-cs"/>
              </a:rPr>
              <a:pPr marL="0" marR="0" lvl="0" indent="0" algn="ctr" defTabSz="457200" rtl="0" eaLnBrk="1" fontAlgn="auto" latinLnBrk="0" hangingPunct="1">
                <a:lnSpc>
                  <a:spcPct val="100000"/>
                </a:lnSpc>
                <a:spcBef>
                  <a:spcPts val="0"/>
                </a:spcBef>
                <a:spcAft>
                  <a:spcPts val="0"/>
                </a:spcAft>
                <a:buClrTx/>
                <a:buSzTx/>
                <a:buFontTx/>
                <a:buNone/>
                <a:tabLst/>
                <a:defRPr/>
              </a:pPr>
              <a:t>‹#›</a:t>
            </a:fld>
            <a:endParaRPr kumimoji="0" lang="en-US" altLang="ko-KR" sz="1200" b="0" i="0" u="none" strike="noStrike" kern="1200" cap="none" spc="0" normalizeH="0" baseline="0" noProof="0" dirty="0">
              <a:ln>
                <a:noFill/>
              </a:ln>
              <a:solidFill>
                <a:prstClr val="white">
                  <a:lumMod val="50000"/>
                </a:prstClr>
              </a:solidFill>
              <a:effectLst/>
              <a:uLnTx/>
              <a:uFillTx/>
              <a:latin typeface="Bahnschrift SemiCondensed" panose="020B0502040204020203" pitchFamily="34" charset="0"/>
              <a:ea typeface="맑은 고딕"/>
              <a:cs typeface="+mn-cs"/>
            </a:endParaRPr>
          </a:p>
        </p:txBody>
      </p:sp>
    </p:spTree>
    <p:extLst>
      <p:ext uri="{BB962C8B-B14F-4D97-AF65-F5344CB8AC3E}">
        <p14:creationId xmlns:p14="http://schemas.microsoft.com/office/powerpoint/2010/main" val="1868058001"/>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419149031"/>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1161219526"/>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93759576"/>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Gray - Half Tone">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100000">
                <a:srgbClr val="CBCFD3"/>
              </a:gs>
              <a:gs pos="0">
                <a:srgbClr val="E1E4E7"/>
              </a:gs>
            </a:gsLst>
            <a:path path="circl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152257470"/>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2940885021"/>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052734795"/>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263278356"/>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533768403"/>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fld id="{3CBB3C27-2177-4D32-9CC6-B00AA9C47D02}" type="datetimeFigureOut">
              <a:rPr lang="tr-TR" smtClean="0"/>
              <a:t>8.09.2024</a:t>
            </a:fld>
            <a:endParaRPr lang="tr-TR"/>
          </a:p>
        </p:txBody>
      </p:sp>
      <p:sp>
        <p:nvSpPr>
          <p:cNvPr id="3" name="Altbilgi Yer Tutucusu 2"/>
          <p:cNvSpPr>
            <a:spLocks noGrp="1"/>
          </p:cNvSpPr>
          <p:nvPr>
            <p:ph type="ftr" sz="quarter" idx="11"/>
          </p:nvPr>
        </p:nvSpPr>
        <p:spPr/>
        <p:txBody>
          <a:bodyPr/>
          <a:lstStyle/>
          <a:p>
            <a:endParaRPr lang="tr-TR"/>
          </a:p>
        </p:txBody>
      </p:sp>
      <p:sp>
        <p:nvSpPr>
          <p:cNvPr id="4" name="Slayt Numarası Yer Tutucusu 3"/>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2220304463"/>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1465580496"/>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973247354"/>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4729284"/>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55469066"/>
      </p:ext>
    </p:extLst>
  </p:cSld>
  <p:clrMapOvr>
    <a:masterClrMapping/>
  </p:clrMapOvr>
</p:sldLayout>
</file>

<file path=ppt/slideLayouts/slideLayout74.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69553576"/>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66324269"/>
      </p:ext>
    </p:extLst>
  </p:cSld>
  <p:clrMapOvr>
    <a:masterClrMapping/>
  </p:clrMapOvr>
</p:sldLayout>
</file>

<file path=ppt/slideLayouts/slideLayout76.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51672721"/>
      </p:ext>
    </p:extLst>
  </p:cSld>
  <p:clrMapOvr>
    <a:masterClrMapping/>
  </p:clrMapOvr>
</p:sldLayout>
</file>

<file path=ppt/slideLayouts/slideLayout77.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78431830"/>
      </p:ext>
    </p:extLst>
  </p:cSld>
  <p:clrMapOvr>
    <a:masterClrMapping/>
  </p:clrMapOvr>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52380575"/>
      </p:ext>
    </p:extLst>
  </p:cSld>
  <p:clrMapOvr>
    <a:masterClrMapping/>
  </p:clrMapOvr>
</p:sldLayout>
</file>

<file path=ppt/slideLayouts/slideLayout79.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3419637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3CBB3C27-2177-4D32-9CC6-B00AA9C47D02}" type="datetimeFigureOut">
              <a:rPr lang="tr-TR" smtClean="0"/>
              <a:t>8.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3550775345"/>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39171589"/>
      </p:ext>
    </p:extLst>
  </p:cSld>
  <p:clrMapOvr>
    <a:masterClrMapping/>
  </p:clrMapOvr>
</p:sldLayout>
</file>

<file path=ppt/slideLayouts/slideLayout81.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96570010"/>
      </p:ext>
    </p:extLst>
  </p:cSld>
  <p:clrMapOvr>
    <a:masterClrMapping/>
  </p:clrMapOvr>
</p:sldLayout>
</file>

<file path=ppt/slideLayouts/slideLayout82.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65165406"/>
      </p:ext>
    </p:extLst>
  </p:cSld>
  <p:clrMapOvr>
    <a:masterClrMapping/>
  </p:clrMapOvr>
</p:sldLayout>
</file>

<file path=ppt/slideLayouts/slideLayout83.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3321518836"/>
      </p:ext>
    </p:extLst>
  </p:cSld>
  <p:clrMapOvr>
    <a:masterClrMapping/>
  </p:clrMapOvr>
</p:sldLayout>
</file>

<file path=ppt/slideLayouts/slideLayout84.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custDataLst>
              <p:tags r:id="rId1"/>
            </p:custDataLst>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custDataLst>
              <p:tags r:id="rId2"/>
            </p:custDataLst>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D50D8C-3E41-44C9-BA18-A20060AA20F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10032661"/>
      </p:ext>
    </p:extLst>
  </p:cSld>
  <p:clrMapOvr>
    <a:masterClrMapping/>
  </p:clrMapOvr>
</p:sldLayout>
</file>

<file path=ppt/slideLayouts/slideLayout85.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custDataLst>
              <p:tags r:id="rId1"/>
            </p:custDataLst>
          </p:nvPr>
        </p:nvSpPr>
        <p:spPr/>
        <p:txBody>
          <a:bodyPr/>
          <a:lstStyle/>
          <a:p>
            <a:r>
              <a:rPr lang="tr-TR"/>
              <a:t>Asıl başlık stili için tıklatın</a:t>
            </a:r>
          </a:p>
        </p:txBody>
      </p:sp>
      <p:sp>
        <p:nvSpPr>
          <p:cNvPr id="3" name="İçerik Yer Tutucusu 2"/>
          <p:cNvSpPr>
            <a:spLocks noGrp="1"/>
          </p:cNvSpPr>
          <p:nvPr>
            <p:ph idx="1"/>
            <p:custDataLst>
              <p:tags r:id="rId2"/>
            </p:custDataLst>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CF948AA-612C-4F2E-9A66-77DB16BE8139}"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35689186"/>
      </p:ext>
    </p:extLst>
  </p:cSld>
  <p:clrMapOvr>
    <a:masterClrMapping/>
  </p:clrMapOvr>
</p:sldLayout>
</file>

<file path=ppt/slideLayouts/slideLayout86.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F4A8BD9-438B-44DE-8EDC-A9F4A0A967D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6835873"/>
      </p:ext>
    </p:extLst>
  </p:cSld>
  <p:clrMapOvr>
    <a:masterClrMapping/>
  </p:clrMapOvr>
</p:sldLayout>
</file>

<file path=ppt/slideLayouts/slideLayout87.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143A13D-B456-404E-9B66-21CC51EE58A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42569391"/>
      </p:ext>
    </p:extLst>
  </p:cSld>
  <p:clrMapOvr>
    <a:masterClrMapping/>
  </p:clrMapOvr>
</p:sldLayout>
</file>

<file path=ppt/slideLayouts/slideLayout88.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34CC47F-E9AF-4A7E-A5C7-D6903DD8CD22}"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77283812"/>
      </p:ext>
    </p:extLst>
  </p:cSld>
  <p:clrMapOvr>
    <a:masterClrMapping/>
  </p:clrMapOvr>
</p:sldLayout>
</file>

<file path=ppt/slideLayouts/slideLayout89.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6D373CD-6832-4357-A847-47618D0A0434}"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7565151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3CBB3C27-2177-4D32-9CC6-B00AA9C47D02}" type="datetimeFigureOut">
              <a:rPr lang="tr-TR" smtClean="0"/>
              <a:t>8.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61D74076-4560-4FFF-A967-5073B2EA4627}" type="slidenum">
              <a:rPr lang="tr-TR" smtClean="0"/>
              <a:t>‹#›</a:t>
            </a:fld>
            <a:endParaRPr lang="tr-TR"/>
          </a:p>
        </p:txBody>
      </p:sp>
    </p:spTree>
    <p:extLst>
      <p:ext uri="{BB962C8B-B14F-4D97-AF65-F5344CB8AC3E}">
        <p14:creationId xmlns:p14="http://schemas.microsoft.com/office/powerpoint/2010/main" val="3880766172"/>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EB437D2-75AF-4256-AA78-05444363850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54534368"/>
      </p:ext>
    </p:extLst>
  </p:cSld>
  <p:clrMapOvr>
    <a:masterClrMapping/>
  </p:clrMapOvr>
</p:sldLayout>
</file>

<file path=ppt/slideLayouts/slideLayout91.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C957A4E-F2D9-4FE9-B209-EED24005ECD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37666514"/>
      </p:ext>
    </p:extLst>
  </p:cSld>
  <p:clrMapOvr>
    <a:masterClrMapping/>
  </p:clrMapOvr>
</p:sldLayout>
</file>

<file path=ppt/slideLayouts/slideLayout92.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E017226-FF6A-47E9-BDB2-601AEDC856C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40351524"/>
      </p:ext>
    </p:extLst>
  </p:cSld>
  <p:clrMapOvr>
    <a:masterClrMapping/>
  </p:clrMapOvr>
</p:sldLayout>
</file>

<file path=ppt/slideLayouts/slideLayout93.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D20845C8-15D0-4978-82C9-5AC1238D681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33855278"/>
      </p:ext>
    </p:extLst>
  </p:cSld>
  <p:clrMapOvr>
    <a:masterClrMapping/>
  </p:clrMapOvr>
</p:sldLayout>
</file>

<file path=ppt/slideLayouts/slideLayout94.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2B6D66F7-0D76-456D-93F3-6F86BF04033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69934860"/>
      </p:ext>
    </p:extLst>
  </p:cSld>
  <p:clrMapOvr>
    <a:masterClrMapping/>
  </p:clrMapOvr>
</p:sldLayout>
</file>

<file path=ppt/slideLayouts/slideLayout95.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124713336"/>
      </p:ext>
    </p:extLst>
  </p:cSld>
  <p:clrMapOvr>
    <a:masterClrMapping/>
  </p:clrMapOvr>
</p:sldLayout>
</file>

<file path=ppt/slideLayouts/slideLayout96.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7C1435-38DE-4ACA-82C8-825D8F6DC434}"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02138607"/>
      </p:ext>
    </p:extLst>
  </p:cSld>
  <p:clrMapOvr>
    <a:masterClrMapping/>
  </p:clrMapOvr>
</p:sldLayout>
</file>

<file path=ppt/slideLayouts/slideLayout97.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EA9FCFDD-1F85-45DF-92CA-46248156ADEE}"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84627599"/>
      </p:ext>
    </p:extLst>
  </p:cSld>
  <p:clrMapOvr>
    <a:masterClrMapping/>
  </p:clrMapOvr>
</p:sldLayout>
</file>

<file path=ppt/slideLayouts/slideLayout98.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38EBA3B-F145-4833-9F8B-900C8FE8215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14687130"/>
      </p:ext>
    </p:extLst>
  </p:cSld>
  <p:clrMapOvr>
    <a:masterClrMapping/>
  </p:clrMapOvr>
</p:sldLayout>
</file>

<file path=ppt/slideLayouts/slideLayout99.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4BA9A2F4-8E66-476D-B207-AC8607D6A99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471609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10.xml.rels><?xml version="1.0" encoding="UTF-8" standalone="yes"?>
<Relationships xmlns="http://schemas.openxmlformats.org/package/2006/relationships"><Relationship Id="rId8" Type="http://schemas.openxmlformats.org/officeDocument/2006/relationships/slideLayout" Target="../slideLayouts/slideLayout103.xml"/><Relationship Id="rId13" Type="http://schemas.openxmlformats.org/officeDocument/2006/relationships/theme" Target="../theme/theme10.xml"/><Relationship Id="rId3" Type="http://schemas.openxmlformats.org/officeDocument/2006/relationships/slideLayout" Target="../slideLayouts/slideLayout98.xml"/><Relationship Id="rId7" Type="http://schemas.openxmlformats.org/officeDocument/2006/relationships/slideLayout" Target="../slideLayouts/slideLayout102.xml"/><Relationship Id="rId12" Type="http://schemas.openxmlformats.org/officeDocument/2006/relationships/slideLayout" Target="../slideLayouts/slideLayout107.xml"/><Relationship Id="rId2" Type="http://schemas.openxmlformats.org/officeDocument/2006/relationships/slideLayout" Target="../slideLayouts/slideLayout97.xml"/><Relationship Id="rId1" Type="http://schemas.openxmlformats.org/officeDocument/2006/relationships/slideLayout" Target="../slideLayouts/slideLayout96.xml"/><Relationship Id="rId6" Type="http://schemas.openxmlformats.org/officeDocument/2006/relationships/slideLayout" Target="../slideLayouts/slideLayout101.xml"/><Relationship Id="rId11" Type="http://schemas.openxmlformats.org/officeDocument/2006/relationships/slideLayout" Target="../slideLayouts/slideLayout106.xml"/><Relationship Id="rId5" Type="http://schemas.openxmlformats.org/officeDocument/2006/relationships/slideLayout" Target="../slideLayouts/slideLayout100.xml"/><Relationship Id="rId10" Type="http://schemas.openxmlformats.org/officeDocument/2006/relationships/slideLayout" Target="../slideLayouts/slideLayout105.xml"/><Relationship Id="rId4" Type="http://schemas.openxmlformats.org/officeDocument/2006/relationships/slideLayout" Target="../slideLayouts/slideLayout99.xml"/><Relationship Id="rId9" Type="http://schemas.openxmlformats.org/officeDocument/2006/relationships/slideLayout" Target="../slideLayouts/slideLayout104.xml"/></Relationships>
</file>

<file path=ppt/slideMasters/_rels/slideMaster11.xml.rels><?xml version="1.0" encoding="UTF-8" standalone="yes"?>
<Relationships xmlns="http://schemas.openxmlformats.org/package/2006/relationships"><Relationship Id="rId8" Type="http://schemas.openxmlformats.org/officeDocument/2006/relationships/slideLayout" Target="../slideLayouts/slideLayout115.xml"/><Relationship Id="rId13" Type="http://schemas.openxmlformats.org/officeDocument/2006/relationships/theme" Target="../theme/theme11.xml"/><Relationship Id="rId3" Type="http://schemas.openxmlformats.org/officeDocument/2006/relationships/slideLayout" Target="../slideLayouts/slideLayout110.xml"/><Relationship Id="rId7" Type="http://schemas.openxmlformats.org/officeDocument/2006/relationships/slideLayout" Target="../slideLayouts/slideLayout114.xml"/><Relationship Id="rId12" Type="http://schemas.openxmlformats.org/officeDocument/2006/relationships/slideLayout" Target="../slideLayouts/slideLayout119.xml"/><Relationship Id="rId2" Type="http://schemas.openxmlformats.org/officeDocument/2006/relationships/slideLayout" Target="../slideLayouts/slideLayout109.xml"/><Relationship Id="rId1" Type="http://schemas.openxmlformats.org/officeDocument/2006/relationships/slideLayout" Target="../slideLayouts/slideLayout108.xml"/><Relationship Id="rId6" Type="http://schemas.openxmlformats.org/officeDocument/2006/relationships/slideLayout" Target="../slideLayouts/slideLayout113.xml"/><Relationship Id="rId11" Type="http://schemas.openxmlformats.org/officeDocument/2006/relationships/slideLayout" Target="../slideLayouts/slideLayout118.xml"/><Relationship Id="rId5" Type="http://schemas.openxmlformats.org/officeDocument/2006/relationships/slideLayout" Target="../slideLayouts/slideLayout112.xml"/><Relationship Id="rId10" Type="http://schemas.openxmlformats.org/officeDocument/2006/relationships/slideLayout" Target="../slideLayouts/slideLayout117.xml"/><Relationship Id="rId4" Type="http://schemas.openxmlformats.org/officeDocument/2006/relationships/slideLayout" Target="../slideLayouts/slideLayout111.xml"/><Relationship Id="rId9" Type="http://schemas.openxmlformats.org/officeDocument/2006/relationships/slideLayout" Target="../slideLayouts/slideLayout116.xml"/><Relationship Id="rId14" Type="http://schemas.openxmlformats.org/officeDocument/2006/relationships/tags" Target="../tags/tag17.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3" Type="http://schemas.openxmlformats.org/officeDocument/2006/relationships/slideLayout" Target="../slideLayouts/slideLayout15.xml"/><Relationship Id="rId7" Type="http://schemas.openxmlformats.org/officeDocument/2006/relationships/slideLayout" Target="../slideLayouts/slideLayout19.xml"/><Relationship Id="rId12" Type="http://schemas.openxmlformats.org/officeDocument/2006/relationships/theme" Target="../theme/theme2.xml"/><Relationship Id="rId2" Type="http://schemas.openxmlformats.org/officeDocument/2006/relationships/slideLayout" Target="../slideLayouts/slideLayout14.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5" Type="http://schemas.openxmlformats.org/officeDocument/2006/relationships/slideLayout" Target="../slideLayouts/slideLayout17.xml"/><Relationship Id="rId10" Type="http://schemas.openxmlformats.org/officeDocument/2006/relationships/slideLayout" Target="../slideLayouts/slideLayout22.xml"/><Relationship Id="rId4" Type="http://schemas.openxmlformats.org/officeDocument/2006/relationships/slideLayout" Target="../slideLayouts/slideLayout16.xml"/><Relationship Id="rId9" Type="http://schemas.openxmlformats.org/officeDocument/2006/relationships/slideLayout" Target="../slideLayouts/slideLayout21.xml"/></Relationships>
</file>

<file path=ppt/slideMasters/_rels/slideMaster3.xml.rels><?xml version="1.0" encoding="UTF-8" standalone="yes"?>
<Relationships xmlns="http://schemas.openxmlformats.org/package/2006/relationships"><Relationship Id="rId3" Type="http://schemas.openxmlformats.org/officeDocument/2006/relationships/slideLayout" Target="../slideLayouts/slideLayout26.xml"/><Relationship Id="rId2" Type="http://schemas.openxmlformats.org/officeDocument/2006/relationships/slideLayout" Target="../slideLayouts/slideLayout25.xml"/><Relationship Id="rId1" Type="http://schemas.openxmlformats.org/officeDocument/2006/relationships/slideLayout" Target="../slideLayouts/slideLayout24.xml"/><Relationship Id="rId5" Type="http://schemas.openxmlformats.org/officeDocument/2006/relationships/image" Target="../media/image1.jpg"/><Relationship Id="rId4" Type="http://schemas.openxmlformats.org/officeDocument/2006/relationships/theme" Target="../theme/theme3.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34.xml"/><Relationship Id="rId3" Type="http://schemas.openxmlformats.org/officeDocument/2006/relationships/slideLayout" Target="../slideLayouts/slideLayout29.xml"/><Relationship Id="rId7" Type="http://schemas.openxmlformats.org/officeDocument/2006/relationships/slideLayout" Target="../slideLayouts/slideLayout33.xml"/><Relationship Id="rId12" Type="http://schemas.openxmlformats.org/officeDocument/2006/relationships/theme" Target="../theme/theme4.xml"/><Relationship Id="rId2" Type="http://schemas.openxmlformats.org/officeDocument/2006/relationships/slideLayout" Target="../slideLayouts/slideLayout28.xml"/><Relationship Id="rId1" Type="http://schemas.openxmlformats.org/officeDocument/2006/relationships/slideLayout" Target="../slideLayouts/slideLayout27.xml"/><Relationship Id="rId6" Type="http://schemas.openxmlformats.org/officeDocument/2006/relationships/slideLayout" Target="../slideLayouts/slideLayout32.xml"/><Relationship Id="rId11" Type="http://schemas.openxmlformats.org/officeDocument/2006/relationships/slideLayout" Target="../slideLayouts/slideLayout37.xml"/><Relationship Id="rId5" Type="http://schemas.openxmlformats.org/officeDocument/2006/relationships/slideLayout" Target="../slideLayouts/slideLayout31.xml"/><Relationship Id="rId10" Type="http://schemas.openxmlformats.org/officeDocument/2006/relationships/slideLayout" Target="../slideLayouts/slideLayout36.xml"/><Relationship Id="rId4" Type="http://schemas.openxmlformats.org/officeDocument/2006/relationships/slideLayout" Target="../slideLayouts/slideLayout30.xml"/><Relationship Id="rId9" Type="http://schemas.openxmlformats.org/officeDocument/2006/relationships/slideLayout" Target="../slideLayouts/slideLayout35.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45.xml"/><Relationship Id="rId3" Type="http://schemas.openxmlformats.org/officeDocument/2006/relationships/slideLayout" Target="../slideLayouts/slideLayout40.xml"/><Relationship Id="rId7" Type="http://schemas.openxmlformats.org/officeDocument/2006/relationships/slideLayout" Target="../slideLayouts/slideLayout44.xml"/><Relationship Id="rId12" Type="http://schemas.openxmlformats.org/officeDocument/2006/relationships/theme" Target="../theme/theme5.xml"/><Relationship Id="rId2" Type="http://schemas.openxmlformats.org/officeDocument/2006/relationships/slideLayout" Target="../slideLayouts/slideLayout39.xml"/><Relationship Id="rId1" Type="http://schemas.openxmlformats.org/officeDocument/2006/relationships/slideLayout" Target="../slideLayouts/slideLayout38.xml"/><Relationship Id="rId6" Type="http://schemas.openxmlformats.org/officeDocument/2006/relationships/slideLayout" Target="../slideLayouts/slideLayout43.xml"/><Relationship Id="rId11" Type="http://schemas.openxmlformats.org/officeDocument/2006/relationships/slideLayout" Target="../slideLayouts/slideLayout48.xml"/><Relationship Id="rId5" Type="http://schemas.openxmlformats.org/officeDocument/2006/relationships/slideLayout" Target="../slideLayouts/slideLayout42.xml"/><Relationship Id="rId10" Type="http://schemas.openxmlformats.org/officeDocument/2006/relationships/slideLayout" Target="../slideLayouts/slideLayout47.xml"/><Relationship Id="rId4" Type="http://schemas.openxmlformats.org/officeDocument/2006/relationships/slideLayout" Target="../slideLayouts/slideLayout41.xml"/><Relationship Id="rId9" Type="http://schemas.openxmlformats.org/officeDocument/2006/relationships/slideLayout" Target="../slideLayouts/slideLayout46.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56.xml"/><Relationship Id="rId3" Type="http://schemas.openxmlformats.org/officeDocument/2006/relationships/slideLayout" Target="../slideLayouts/slideLayout51.xml"/><Relationship Id="rId7" Type="http://schemas.openxmlformats.org/officeDocument/2006/relationships/slideLayout" Target="../slideLayouts/slideLayout55.xml"/><Relationship Id="rId12" Type="http://schemas.openxmlformats.org/officeDocument/2006/relationships/theme" Target="../theme/theme6.xml"/><Relationship Id="rId2" Type="http://schemas.openxmlformats.org/officeDocument/2006/relationships/slideLayout" Target="../slideLayouts/slideLayout50.xml"/><Relationship Id="rId1" Type="http://schemas.openxmlformats.org/officeDocument/2006/relationships/slideLayout" Target="../slideLayouts/slideLayout49.xml"/><Relationship Id="rId6" Type="http://schemas.openxmlformats.org/officeDocument/2006/relationships/slideLayout" Target="../slideLayouts/slideLayout54.xml"/><Relationship Id="rId11" Type="http://schemas.openxmlformats.org/officeDocument/2006/relationships/slideLayout" Target="../slideLayouts/slideLayout59.xml"/><Relationship Id="rId5" Type="http://schemas.openxmlformats.org/officeDocument/2006/relationships/slideLayout" Target="../slideLayouts/slideLayout53.xml"/><Relationship Id="rId10" Type="http://schemas.openxmlformats.org/officeDocument/2006/relationships/slideLayout" Target="../slideLayouts/slideLayout58.xml"/><Relationship Id="rId4" Type="http://schemas.openxmlformats.org/officeDocument/2006/relationships/slideLayout" Target="../slideLayouts/slideLayout52.xml"/><Relationship Id="rId9" Type="http://schemas.openxmlformats.org/officeDocument/2006/relationships/slideLayout" Target="../slideLayouts/slideLayout57.xml"/></Relationships>
</file>

<file path=ppt/slideMasters/_rels/slideMaster7.xml.rels><?xml version="1.0" encoding="UTF-8" standalone="yes"?>
<Relationships xmlns="http://schemas.openxmlformats.org/package/2006/relationships"><Relationship Id="rId8" Type="http://schemas.openxmlformats.org/officeDocument/2006/relationships/slideLayout" Target="../slideLayouts/slideLayout67.xml"/><Relationship Id="rId13" Type="http://schemas.openxmlformats.org/officeDocument/2006/relationships/theme" Target="../theme/theme7.xml"/><Relationship Id="rId3" Type="http://schemas.openxmlformats.org/officeDocument/2006/relationships/slideLayout" Target="../slideLayouts/slideLayout62.xml"/><Relationship Id="rId7" Type="http://schemas.openxmlformats.org/officeDocument/2006/relationships/slideLayout" Target="../slideLayouts/slideLayout66.xml"/><Relationship Id="rId12" Type="http://schemas.openxmlformats.org/officeDocument/2006/relationships/slideLayout" Target="../slideLayouts/slideLayout71.xml"/><Relationship Id="rId2" Type="http://schemas.openxmlformats.org/officeDocument/2006/relationships/slideLayout" Target="../slideLayouts/slideLayout61.xml"/><Relationship Id="rId1" Type="http://schemas.openxmlformats.org/officeDocument/2006/relationships/slideLayout" Target="../slideLayouts/slideLayout60.xml"/><Relationship Id="rId6" Type="http://schemas.openxmlformats.org/officeDocument/2006/relationships/slideLayout" Target="../slideLayouts/slideLayout65.xml"/><Relationship Id="rId11" Type="http://schemas.openxmlformats.org/officeDocument/2006/relationships/slideLayout" Target="../slideLayouts/slideLayout70.xml"/><Relationship Id="rId5" Type="http://schemas.openxmlformats.org/officeDocument/2006/relationships/slideLayout" Target="../slideLayouts/slideLayout64.xml"/><Relationship Id="rId10" Type="http://schemas.openxmlformats.org/officeDocument/2006/relationships/slideLayout" Target="../slideLayouts/slideLayout69.xml"/><Relationship Id="rId4" Type="http://schemas.openxmlformats.org/officeDocument/2006/relationships/slideLayout" Target="../slideLayouts/slideLayout63.xml"/><Relationship Id="rId9" Type="http://schemas.openxmlformats.org/officeDocument/2006/relationships/slideLayout" Target="../slideLayouts/slideLayout68.xml"/></Relationships>
</file>

<file path=ppt/slideMasters/_rels/slideMaster8.xml.rels><?xml version="1.0" encoding="UTF-8" standalone="yes"?>
<Relationships xmlns="http://schemas.openxmlformats.org/package/2006/relationships"><Relationship Id="rId8" Type="http://schemas.openxmlformats.org/officeDocument/2006/relationships/slideLayout" Target="../slideLayouts/slideLayout79.xml"/><Relationship Id="rId13" Type="http://schemas.openxmlformats.org/officeDocument/2006/relationships/theme" Target="../theme/theme8.xml"/><Relationship Id="rId3" Type="http://schemas.openxmlformats.org/officeDocument/2006/relationships/slideLayout" Target="../slideLayouts/slideLayout74.xml"/><Relationship Id="rId7" Type="http://schemas.openxmlformats.org/officeDocument/2006/relationships/slideLayout" Target="../slideLayouts/slideLayout78.xml"/><Relationship Id="rId12" Type="http://schemas.openxmlformats.org/officeDocument/2006/relationships/slideLayout" Target="../slideLayouts/slideLayout83.xml"/><Relationship Id="rId2" Type="http://schemas.openxmlformats.org/officeDocument/2006/relationships/slideLayout" Target="../slideLayouts/slideLayout73.xml"/><Relationship Id="rId1" Type="http://schemas.openxmlformats.org/officeDocument/2006/relationships/slideLayout" Target="../slideLayouts/slideLayout72.xml"/><Relationship Id="rId6" Type="http://schemas.openxmlformats.org/officeDocument/2006/relationships/slideLayout" Target="../slideLayouts/slideLayout77.xml"/><Relationship Id="rId11" Type="http://schemas.openxmlformats.org/officeDocument/2006/relationships/slideLayout" Target="../slideLayouts/slideLayout82.xml"/><Relationship Id="rId5" Type="http://schemas.openxmlformats.org/officeDocument/2006/relationships/slideLayout" Target="../slideLayouts/slideLayout76.xml"/><Relationship Id="rId10" Type="http://schemas.openxmlformats.org/officeDocument/2006/relationships/slideLayout" Target="../slideLayouts/slideLayout81.xml"/><Relationship Id="rId4" Type="http://schemas.openxmlformats.org/officeDocument/2006/relationships/slideLayout" Target="../slideLayouts/slideLayout75.xml"/><Relationship Id="rId9" Type="http://schemas.openxmlformats.org/officeDocument/2006/relationships/slideLayout" Target="../slideLayouts/slideLayout80.xml"/></Relationships>
</file>

<file path=ppt/slideMasters/_rels/slideMaster9.xml.rels><?xml version="1.0" encoding="UTF-8" standalone="yes"?>
<Relationships xmlns="http://schemas.openxmlformats.org/package/2006/relationships"><Relationship Id="rId8" Type="http://schemas.openxmlformats.org/officeDocument/2006/relationships/slideLayout" Target="../slideLayouts/slideLayout91.xml"/><Relationship Id="rId13" Type="http://schemas.openxmlformats.org/officeDocument/2006/relationships/theme" Target="../theme/theme9.xml"/><Relationship Id="rId18" Type="http://schemas.openxmlformats.org/officeDocument/2006/relationships/tags" Target="../tags/tag6.xml"/><Relationship Id="rId3" Type="http://schemas.openxmlformats.org/officeDocument/2006/relationships/slideLayout" Target="../slideLayouts/slideLayout86.xml"/><Relationship Id="rId7" Type="http://schemas.openxmlformats.org/officeDocument/2006/relationships/slideLayout" Target="../slideLayouts/slideLayout90.xml"/><Relationship Id="rId12" Type="http://schemas.openxmlformats.org/officeDocument/2006/relationships/slideLayout" Target="../slideLayouts/slideLayout95.xml"/><Relationship Id="rId17" Type="http://schemas.openxmlformats.org/officeDocument/2006/relationships/tags" Target="../tags/tag5.xml"/><Relationship Id="rId2" Type="http://schemas.openxmlformats.org/officeDocument/2006/relationships/slideLayout" Target="../slideLayouts/slideLayout85.xml"/><Relationship Id="rId16" Type="http://schemas.openxmlformats.org/officeDocument/2006/relationships/tags" Target="../tags/tag4.xml"/><Relationship Id="rId1" Type="http://schemas.openxmlformats.org/officeDocument/2006/relationships/slideLayout" Target="../slideLayouts/slideLayout84.xml"/><Relationship Id="rId6" Type="http://schemas.openxmlformats.org/officeDocument/2006/relationships/slideLayout" Target="../slideLayouts/slideLayout89.xml"/><Relationship Id="rId11" Type="http://schemas.openxmlformats.org/officeDocument/2006/relationships/slideLayout" Target="../slideLayouts/slideLayout94.xml"/><Relationship Id="rId5" Type="http://schemas.openxmlformats.org/officeDocument/2006/relationships/slideLayout" Target="../slideLayouts/slideLayout88.xml"/><Relationship Id="rId15" Type="http://schemas.openxmlformats.org/officeDocument/2006/relationships/tags" Target="../tags/tag3.xml"/><Relationship Id="rId10" Type="http://schemas.openxmlformats.org/officeDocument/2006/relationships/slideLayout" Target="../slideLayouts/slideLayout93.xml"/><Relationship Id="rId4" Type="http://schemas.openxmlformats.org/officeDocument/2006/relationships/slideLayout" Target="../slideLayouts/slideLayout87.xml"/><Relationship Id="rId9" Type="http://schemas.openxmlformats.org/officeDocument/2006/relationships/slideLayout" Target="../slideLayouts/slideLayout92.xml"/><Relationship Id="rId14" Type="http://schemas.openxmlformats.org/officeDocument/2006/relationships/tags" Target="../tags/tag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3CBB3C27-2177-4D32-9CC6-B00AA9C47D02}" type="datetimeFigureOut">
              <a:rPr lang="tr-TR" smtClean="0"/>
              <a:t>8.09.2024</a:t>
            </a:fld>
            <a:endParaRPr lang="tr-T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tr-T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1D74076-4560-4FFF-A967-5073B2EA4627}" type="slidenum">
              <a:rPr lang="tr-TR" smtClean="0"/>
              <a:t>‹#›</a:t>
            </a:fld>
            <a:endParaRPr lang="tr-TR"/>
          </a:p>
        </p:txBody>
      </p:sp>
    </p:spTree>
    <p:extLst>
      <p:ext uri="{BB962C8B-B14F-4D97-AF65-F5344CB8AC3E}">
        <p14:creationId xmlns:p14="http://schemas.microsoft.com/office/powerpoint/2010/main" val="1115749729"/>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0"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10.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F288DE07-31AC-44D6-8E31-0C13EF9AA659}"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6551754"/>
      </p:ext>
    </p:extLst>
  </p:cSld>
  <p:clrMap bg1="lt1" tx1="dk1" bg2="lt2" tx2="dk2" accent1="accent1" accent2="accent2" accent3="accent3" accent4="accent4" accent5="accent5" accent6="accent6" hlink="hlink" folHlink="folHlink"/>
  <p:sldLayoutIdLst>
    <p:sldLayoutId id="2147483766" r:id="rId1"/>
    <p:sldLayoutId id="2147483767" r:id="rId2"/>
    <p:sldLayoutId id="2147483768" r:id="rId3"/>
    <p:sldLayoutId id="2147483769" r:id="rId4"/>
    <p:sldLayoutId id="2147483770" r:id="rId5"/>
    <p:sldLayoutId id="2147483771" r:id="rId6"/>
    <p:sldLayoutId id="2147483772" r:id="rId7"/>
    <p:sldLayoutId id="2147483773" r:id="rId8"/>
    <p:sldLayoutId id="2147483774" r:id="rId9"/>
    <p:sldLayoutId id="2147483775" r:id="rId10"/>
    <p:sldLayoutId id="2147483776" r:id="rId11"/>
    <p:sldLayoutId id="2147483777" r:id="rId12"/>
  </p:sldLayoutIdLst>
  <p:hf sldNum="0" hdr="0" ftr="0" dt="0"/>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1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defRPr>
            </a:lvl1p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1279813605"/>
      </p:ext>
    </p:extLst>
  </p:cSld>
  <p:clrMap bg1="lt1" tx1="dk1" bg2="lt2" tx2="dk2" accent1="accent1" accent2="accent2" accent3="accent3" accent4="accent4" accent5="accent5" accent6="accent6" hlink="hlink" folHlink="folHlink"/>
  <p:sldLayoutIdLst>
    <p:sldLayoutId id="2147483779" r:id="rId1"/>
    <p:sldLayoutId id="2147483780" r:id="rId2"/>
    <p:sldLayoutId id="2147483781" r:id="rId3"/>
    <p:sldLayoutId id="2147483782" r:id="rId4"/>
    <p:sldLayoutId id="2147483783" r:id="rId5"/>
    <p:sldLayoutId id="2147483784" r:id="rId6"/>
    <p:sldLayoutId id="2147483785" r:id="rId7"/>
    <p:sldLayoutId id="2147483786" r:id="rId8"/>
    <p:sldLayoutId id="2147483787" r:id="rId9"/>
    <p:sldLayoutId id="2147483788" r:id="rId10"/>
    <p:sldLayoutId id="2147483789" r:id="rId11"/>
    <p:sldLayoutId id="2147483790"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alpha val="99000"/>
              </a:schemeClr>
            </a:gs>
            <a:gs pos="100000">
              <a:schemeClr val="accent1">
                <a:lumMod val="40000"/>
                <a:lumOff val="60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65330703"/>
      </p:ext>
    </p:extLst>
  </p:cSld>
  <p:clrMap bg1="lt1" tx1="dk1" bg2="lt2" tx2="dk2" accent1="accent1" accent2="accent2" accent3="accent3" accent4="accent4" accent5="accent5" accent6="accent6" hlink="hlink" folHlink="folHlink"/>
  <p:sldLayoutIdLst>
    <p:sldLayoutId id="2147483662" r:id="rId1"/>
    <p:sldLayoutId id="2147483663" r:id="rId2"/>
    <p:sldLayoutId id="2147483664" r:id="rId3"/>
    <p:sldLayoutId id="2147483665" r:id="rId4"/>
    <p:sldLayoutId id="2147483666" r:id="rId5"/>
    <p:sldLayoutId id="2147483667" r:id="rId6"/>
    <p:sldLayoutId id="2147483668" r:id="rId7"/>
    <p:sldLayoutId id="2147483669" r:id="rId8"/>
    <p:sldLayoutId id="2147483670" r:id="rId9"/>
    <p:sldLayoutId id="2147483671" r:id="rId10"/>
    <p:sldLayoutId id="2147483672"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blipFill>
          <a:blip r:embed="rId5"/>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09600" y="274637"/>
            <a:ext cx="10972800" cy="1143000"/>
          </a:xfrm>
          <a:prstGeom prst="rect">
            <a:avLst/>
          </a:prstGeom>
        </p:spPr>
        <p:txBody>
          <a:bodyPr vert="horz" lIns="91440" tIns="45720" rIns="91440" bIns="45720" rtlCol="0" anchor="ctr">
            <a:normAutofit/>
          </a:bodyPr>
          <a:lstStyle/>
          <a:p>
            <a:r>
              <a:rPr lang="tr-TR"/>
              <a:t>Asıl başlık stili için tıklatın</a:t>
            </a:r>
            <a:endParaRPr lang="en-US"/>
          </a:p>
        </p:txBody>
      </p:sp>
      <p:sp>
        <p:nvSpPr>
          <p:cNvPr id="3" name="Text Placeholder 2"/>
          <p:cNvSpPr>
            <a:spLocks noGrp="1"/>
          </p:cNvSpPr>
          <p:nvPr>
            <p:ph type="body" idx="1"/>
          </p:nvPr>
        </p:nvSpPr>
        <p:spPr>
          <a:xfrm>
            <a:off x="609600" y="1600201"/>
            <a:ext cx="10972800" cy="4525963"/>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endParaRPr lang="en-US"/>
          </a:p>
        </p:txBody>
      </p:sp>
      <p:sp>
        <p:nvSpPr>
          <p:cNvPr id="4" name="Date Placeholder 3"/>
          <p:cNvSpPr>
            <a:spLocks noGrp="1"/>
          </p:cNvSpPr>
          <p:nvPr>
            <p:ph type="dt" sz="half" idx="2"/>
          </p:nvPr>
        </p:nvSpPr>
        <p:spPr>
          <a:xfrm>
            <a:off x="609600" y="6356351"/>
            <a:ext cx="2844800" cy="365125"/>
          </a:xfrm>
          <a:prstGeom prst="rect">
            <a:avLst/>
          </a:prstGeom>
        </p:spPr>
        <p:txBody>
          <a:bodyPr vert="horz" lIns="91440" tIns="45720" rIns="91440" bIns="45720" rtlCol="0" anchor="ctr"/>
          <a:lstStyle>
            <a:lvl1pPr algn="l">
              <a:defRPr sz="1600">
                <a:solidFill>
                  <a:schemeClr val="tx1">
                    <a:tint val="75000"/>
                  </a:schemeClr>
                </a:solidFill>
                <a:latin typeface="+mn-lt"/>
              </a:defRPr>
            </a:lvl1pPr>
          </a:lstStyle>
          <a:p>
            <a:pPr defTabSz="1219170"/>
            <a:fld id="{FFF30096-E2FA-4C53-8FFA-C198FACBBC31}" type="datetimeFigureOut">
              <a:rPr lang="en-US" smtClean="0">
                <a:solidFill>
                  <a:srgbClr val="494C4F">
                    <a:tint val="75000"/>
                  </a:srgbClr>
                </a:solidFill>
              </a:rPr>
              <a:pPr defTabSz="1219170"/>
              <a:t>9/8/2024</a:t>
            </a:fld>
            <a:endParaRPr lang="en-US">
              <a:solidFill>
                <a:srgbClr val="494C4F">
                  <a:tint val="75000"/>
                </a:srgbClr>
              </a:solidFill>
            </a:endParaRPr>
          </a:p>
        </p:txBody>
      </p:sp>
      <p:sp>
        <p:nvSpPr>
          <p:cNvPr id="5" name="Footer Placeholder 4"/>
          <p:cNvSpPr>
            <a:spLocks noGrp="1"/>
          </p:cNvSpPr>
          <p:nvPr>
            <p:ph type="ftr" sz="quarter" idx="3"/>
          </p:nvPr>
        </p:nvSpPr>
        <p:spPr>
          <a:xfrm>
            <a:off x="4165600" y="6356351"/>
            <a:ext cx="3860800" cy="365125"/>
          </a:xfrm>
          <a:prstGeom prst="rect">
            <a:avLst/>
          </a:prstGeom>
        </p:spPr>
        <p:txBody>
          <a:bodyPr vert="horz" lIns="91440" tIns="45720" rIns="91440" bIns="45720" rtlCol="0" anchor="ctr"/>
          <a:lstStyle>
            <a:lvl1pPr algn="ctr">
              <a:defRPr sz="1600">
                <a:solidFill>
                  <a:schemeClr val="tx1">
                    <a:tint val="75000"/>
                  </a:schemeClr>
                </a:solidFill>
                <a:latin typeface="+mn-lt"/>
              </a:defRPr>
            </a:lvl1pPr>
          </a:lstStyle>
          <a:p>
            <a:pPr defTabSz="1219170"/>
            <a:endParaRPr lang="en-US">
              <a:solidFill>
                <a:srgbClr val="494C4F">
                  <a:tint val="75000"/>
                </a:srgbClr>
              </a:solidFill>
            </a:endParaRPr>
          </a:p>
        </p:txBody>
      </p:sp>
      <p:sp>
        <p:nvSpPr>
          <p:cNvPr id="6" name="Slide Number Placeholder 5"/>
          <p:cNvSpPr>
            <a:spLocks noGrp="1"/>
          </p:cNvSpPr>
          <p:nvPr>
            <p:ph type="sldNum" sz="quarter" idx="4"/>
          </p:nvPr>
        </p:nvSpPr>
        <p:spPr>
          <a:xfrm>
            <a:off x="8737600" y="6356351"/>
            <a:ext cx="2844800" cy="365125"/>
          </a:xfrm>
          <a:prstGeom prst="rect">
            <a:avLst/>
          </a:prstGeom>
        </p:spPr>
        <p:txBody>
          <a:bodyPr vert="horz" lIns="91440" tIns="45720" rIns="91440" bIns="45720" rtlCol="0" anchor="ctr"/>
          <a:lstStyle>
            <a:lvl1pPr algn="r">
              <a:defRPr sz="1600">
                <a:solidFill>
                  <a:schemeClr val="tx1">
                    <a:tint val="75000"/>
                  </a:schemeClr>
                </a:solidFill>
                <a:latin typeface="+mn-lt"/>
              </a:defRPr>
            </a:lvl1pPr>
          </a:lstStyle>
          <a:p>
            <a:pPr defTabSz="1219170"/>
            <a:fld id="{BE6EB2CE-F8EE-47A0-A8D1-750600A29654}" type="slidenum">
              <a:rPr lang="en-US" smtClean="0">
                <a:solidFill>
                  <a:srgbClr val="494C4F">
                    <a:tint val="75000"/>
                  </a:srgbClr>
                </a:solidFill>
              </a:rPr>
              <a:pPr defTabSz="1219170"/>
              <a:t>‹#›</a:t>
            </a:fld>
            <a:endParaRPr lang="en-US">
              <a:solidFill>
                <a:srgbClr val="494C4F">
                  <a:tint val="75000"/>
                </a:srgbClr>
              </a:solidFill>
            </a:endParaRPr>
          </a:p>
        </p:txBody>
      </p:sp>
    </p:spTree>
    <p:extLst>
      <p:ext uri="{BB962C8B-B14F-4D97-AF65-F5344CB8AC3E}">
        <p14:creationId xmlns:p14="http://schemas.microsoft.com/office/powerpoint/2010/main" val="406049794"/>
      </p:ext>
    </p:extLst>
  </p:cSld>
  <p:clrMap bg1="lt1" tx1="dk1" bg2="lt2" tx2="dk2" accent1="accent1" accent2="accent2" accent3="accent3" accent4="accent4" accent5="accent5" accent6="accent6" hlink="hlink" folHlink="folHlink"/>
  <p:sldLayoutIdLst>
    <p:sldLayoutId id="2147483674" r:id="rId1"/>
    <p:sldLayoutId id="2147483675" r:id="rId2"/>
    <p:sldLayoutId id="2147483676" r:id="rId3"/>
  </p:sldLayoutIdLst>
  <p:txStyles>
    <p:titleStyle>
      <a:lvl1pPr algn="ctr" defTabSz="1219170" rtl="0" eaLnBrk="1" latinLnBrk="0" hangingPunct="1">
        <a:spcBef>
          <a:spcPct val="0"/>
        </a:spcBef>
        <a:buNone/>
        <a:defRPr sz="5600" kern="1200">
          <a:solidFill>
            <a:schemeClr val="tx1"/>
          </a:solidFill>
          <a:latin typeface="+mn-lt"/>
          <a:ea typeface="+mj-ea"/>
          <a:cs typeface="+mj-cs"/>
        </a:defRPr>
      </a:lvl1pPr>
    </p:titleStyle>
    <p:bodyStyle>
      <a:lvl1pPr marL="457189" indent="-457189" algn="l" defTabSz="1219170" rtl="0" eaLnBrk="1" latinLnBrk="0" hangingPunct="1">
        <a:spcBef>
          <a:spcPct val="20000"/>
        </a:spcBef>
        <a:buFont typeface="Arial" panose="020B0604020202020204" pitchFamily="34" charset="0"/>
        <a:buChar char="•"/>
        <a:defRPr sz="4267" kern="1200">
          <a:solidFill>
            <a:schemeClr val="tx1"/>
          </a:solidFill>
          <a:latin typeface="+mn-lt"/>
          <a:ea typeface="+mn-ea"/>
          <a:cs typeface="+mn-cs"/>
        </a:defRPr>
      </a:lvl1pPr>
      <a:lvl2pPr marL="990575" indent="-380990" algn="l" defTabSz="1219170" rtl="0" eaLnBrk="1" latinLnBrk="0" hangingPunct="1">
        <a:spcBef>
          <a:spcPct val="20000"/>
        </a:spcBef>
        <a:buFont typeface="Arial" panose="020B0604020202020204" pitchFamily="34" charset="0"/>
        <a:buChar char="–"/>
        <a:defRPr sz="3733" kern="1200">
          <a:solidFill>
            <a:schemeClr val="tx1"/>
          </a:solidFill>
          <a:latin typeface="+mn-lt"/>
          <a:ea typeface="+mn-ea"/>
          <a:cs typeface="+mn-cs"/>
        </a:defRPr>
      </a:lvl2pPr>
      <a:lvl3pPr marL="1523962" indent="-304792" algn="l" defTabSz="121917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3pPr>
      <a:lvl4pPr marL="2133547" indent="-304792" algn="l" defTabSz="1219170" rtl="0" eaLnBrk="1" latinLnBrk="0" hangingPunct="1">
        <a:spcBef>
          <a:spcPct val="20000"/>
        </a:spcBef>
        <a:buFont typeface="Arial" panose="020B0604020202020204" pitchFamily="34" charset="0"/>
        <a:buChar char="–"/>
        <a:defRPr sz="2667" kern="1200">
          <a:solidFill>
            <a:schemeClr val="tx1"/>
          </a:solidFill>
          <a:latin typeface="+mn-lt"/>
          <a:ea typeface="+mn-ea"/>
          <a:cs typeface="+mn-cs"/>
        </a:defRPr>
      </a:lvl4pPr>
      <a:lvl5pPr marL="2743131" indent="-304792" algn="l" defTabSz="1219170" rtl="0" eaLnBrk="1" latinLnBrk="0" hangingPunct="1">
        <a:spcBef>
          <a:spcPct val="20000"/>
        </a:spcBef>
        <a:buFont typeface="Arial" panose="020B0604020202020204" pitchFamily="34" charset="0"/>
        <a:buChar char="»"/>
        <a:defRPr sz="2667" kern="1200">
          <a:solidFill>
            <a:schemeClr val="tx1"/>
          </a:solidFill>
          <a:latin typeface="+mn-lt"/>
          <a:ea typeface="+mn-ea"/>
          <a:cs typeface="+mn-cs"/>
        </a:defRPr>
      </a:lvl5pPr>
      <a:lvl6pPr marL="3352716" indent="-304792" algn="l" defTabSz="1219170" rtl="0" eaLnBrk="1" latinLnBrk="0" hangingPunct="1">
        <a:spcBef>
          <a:spcPct val="20000"/>
        </a:spcBef>
        <a:buFont typeface="Arial" panose="020B0604020202020204" pitchFamily="34" charset="0"/>
        <a:buChar char="•"/>
        <a:defRPr sz="2667" kern="1200">
          <a:solidFill>
            <a:schemeClr val="tx1"/>
          </a:solidFill>
          <a:latin typeface="+mn-lt"/>
          <a:ea typeface="+mn-ea"/>
          <a:cs typeface="+mn-cs"/>
        </a:defRPr>
      </a:lvl6pPr>
      <a:lvl7pPr marL="3962301" indent="-304792" algn="l" defTabSz="1219170" rtl="0" eaLnBrk="1" latinLnBrk="0" hangingPunct="1">
        <a:spcBef>
          <a:spcPct val="20000"/>
        </a:spcBef>
        <a:buFont typeface="Arial" panose="020B0604020202020204" pitchFamily="34" charset="0"/>
        <a:buChar char="•"/>
        <a:defRPr sz="2667" kern="1200">
          <a:solidFill>
            <a:schemeClr val="tx1"/>
          </a:solidFill>
          <a:latin typeface="+mn-lt"/>
          <a:ea typeface="+mn-ea"/>
          <a:cs typeface="+mn-cs"/>
        </a:defRPr>
      </a:lvl7pPr>
      <a:lvl8pPr marL="4571886" indent="-304792" algn="l" defTabSz="1219170" rtl="0" eaLnBrk="1" latinLnBrk="0" hangingPunct="1">
        <a:spcBef>
          <a:spcPct val="20000"/>
        </a:spcBef>
        <a:buFont typeface="Arial" panose="020B0604020202020204" pitchFamily="34" charset="0"/>
        <a:buChar char="•"/>
        <a:defRPr sz="2667" kern="1200">
          <a:solidFill>
            <a:schemeClr val="tx1"/>
          </a:solidFill>
          <a:latin typeface="+mn-lt"/>
          <a:ea typeface="+mn-ea"/>
          <a:cs typeface="+mn-cs"/>
        </a:defRPr>
      </a:lvl8pPr>
      <a:lvl9pPr marL="5181470" indent="-304792" algn="l" defTabSz="1219170" rtl="0" eaLnBrk="1" latinLnBrk="0" hangingPunct="1">
        <a:spcBef>
          <a:spcPct val="20000"/>
        </a:spcBef>
        <a:buFont typeface="Arial" panose="020B0604020202020204" pitchFamily="34" charset="0"/>
        <a:buChar char="•"/>
        <a:defRPr sz="2667" kern="1200">
          <a:solidFill>
            <a:schemeClr val="tx1"/>
          </a:solidFill>
          <a:latin typeface="+mn-lt"/>
          <a:ea typeface="+mn-ea"/>
          <a:cs typeface="+mn-cs"/>
        </a:defRPr>
      </a:lvl9pPr>
    </p:bodyStyle>
    <p:otherStyle>
      <a:defPPr>
        <a:defRPr lang="en-US"/>
      </a:defPPr>
      <a:lvl1pPr marL="0" algn="l" defTabSz="1219170" rtl="0" eaLnBrk="1" latinLnBrk="0" hangingPunct="1">
        <a:defRPr sz="2400" kern="1200">
          <a:solidFill>
            <a:schemeClr val="tx1"/>
          </a:solidFill>
          <a:latin typeface="+mn-lt"/>
          <a:ea typeface="+mn-ea"/>
          <a:cs typeface="+mn-cs"/>
        </a:defRPr>
      </a:lvl1pPr>
      <a:lvl2pPr marL="609585" algn="l" defTabSz="1219170" rtl="0" eaLnBrk="1" latinLnBrk="0" hangingPunct="1">
        <a:defRPr sz="2400" kern="1200">
          <a:solidFill>
            <a:schemeClr val="tx1"/>
          </a:solidFill>
          <a:latin typeface="+mn-lt"/>
          <a:ea typeface="+mn-ea"/>
          <a:cs typeface="+mn-cs"/>
        </a:defRPr>
      </a:lvl2pPr>
      <a:lvl3pPr marL="1219170" algn="l" defTabSz="1219170" rtl="0" eaLnBrk="1" latinLnBrk="0" hangingPunct="1">
        <a:defRPr sz="2400" kern="1200">
          <a:solidFill>
            <a:schemeClr val="tx1"/>
          </a:solidFill>
          <a:latin typeface="+mn-lt"/>
          <a:ea typeface="+mn-ea"/>
          <a:cs typeface="+mn-cs"/>
        </a:defRPr>
      </a:lvl3pPr>
      <a:lvl4pPr marL="1828754" algn="l" defTabSz="1219170" rtl="0" eaLnBrk="1" latinLnBrk="0" hangingPunct="1">
        <a:defRPr sz="2400" kern="1200">
          <a:solidFill>
            <a:schemeClr val="tx1"/>
          </a:solidFill>
          <a:latin typeface="+mn-lt"/>
          <a:ea typeface="+mn-ea"/>
          <a:cs typeface="+mn-cs"/>
        </a:defRPr>
      </a:lvl4pPr>
      <a:lvl5pPr marL="2438339" algn="l" defTabSz="1219170" rtl="0" eaLnBrk="1" latinLnBrk="0" hangingPunct="1">
        <a:defRPr sz="2400" kern="1200">
          <a:solidFill>
            <a:schemeClr val="tx1"/>
          </a:solidFill>
          <a:latin typeface="+mn-lt"/>
          <a:ea typeface="+mn-ea"/>
          <a:cs typeface="+mn-cs"/>
        </a:defRPr>
      </a:lvl5pPr>
      <a:lvl6pPr marL="3047924" algn="l" defTabSz="1219170" rtl="0" eaLnBrk="1" latinLnBrk="0" hangingPunct="1">
        <a:defRPr sz="2400" kern="1200">
          <a:solidFill>
            <a:schemeClr val="tx1"/>
          </a:solidFill>
          <a:latin typeface="+mn-lt"/>
          <a:ea typeface="+mn-ea"/>
          <a:cs typeface="+mn-cs"/>
        </a:defRPr>
      </a:lvl6pPr>
      <a:lvl7pPr marL="3657509" algn="l" defTabSz="1219170" rtl="0" eaLnBrk="1" latinLnBrk="0" hangingPunct="1">
        <a:defRPr sz="2400" kern="1200">
          <a:solidFill>
            <a:schemeClr val="tx1"/>
          </a:solidFill>
          <a:latin typeface="+mn-lt"/>
          <a:ea typeface="+mn-ea"/>
          <a:cs typeface="+mn-cs"/>
        </a:defRPr>
      </a:lvl7pPr>
      <a:lvl8pPr marL="4267093" algn="l" defTabSz="1219170" rtl="0" eaLnBrk="1" latinLnBrk="0" hangingPunct="1">
        <a:defRPr sz="2400" kern="1200">
          <a:solidFill>
            <a:schemeClr val="tx1"/>
          </a:solidFill>
          <a:latin typeface="+mn-lt"/>
          <a:ea typeface="+mn-ea"/>
          <a:cs typeface="+mn-cs"/>
        </a:defRPr>
      </a:lvl8pPr>
      <a:lvl9pPr marL="4876678" algn="l" defTabSz="1219170" rtl="0" eaLnBrk="1" latinLnBrk="0" hangingPunct="1">
        <a:defRPr sz="24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accent1">
                <a:lumMod val="30000"/>
                <a:lumOff val="70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41997799"/>
      </p:ext>
    </p:extLst>
  </p:cSld>
  <p:clrMap bg1="lt1" tx1="dk1" bg2="lt2" tx2="dk2" accent1="accent1" accent2="accent2" accent3="accent3" accent4="accent4" accent5="accent5" accent6="accent6" hlink="hlink" folHlink="folHlink"/>
  <p:sldLayoutIdLst>
    <p:sldLayoutId id="2147483678" r:id="rId1"/>
    <p:sldLayoutId id="2147483679" r:id="rId2"/>
    <p:sldLayoutId id="2147483680" r:id="rId3"/>
    <p:sldLayoutId id="2147483681" r:id="rId4"/>
    <p:sldLayoutId id="2147483682" r:id="rId5"/>
    <p:sldLayoutId id="2147483683" r:id="rId6"/>
    <p:sldLayoutId id="2147483684" r:id="rId7"/>
    <p:sldLayoutId id="2147483685" r:id="rId8"/>
    <p:sldLayoutId id="2147483686" r:id="rId9"/>
    <p:sldLayoutId id="2147483687" r:id="rId10"/>
    <p:sldLayoutId id="2147483688"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accent1">
                <a:lumMod val="30000"/>
                <a:lumOff val="70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9425423E-B67D-479B-9F8E-74D68E71FCA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D0413020-6CE7-4856-B3A4-0B39F5A00C2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36279800"/>
      </p:ext>
    </p:extLst>
  </p:cSld>
  <p:clrMap bg1="lt1" tx1="dk1" bg2="lt2" tx2="dk2" accent1="accent1" accent2="accent2" accent3="accent3" accent4="accent4" accent5="accent5" accent6="accent6" hlink="hlink" folHlink="folHlink"/>
  <p:sldLayoutIdLst>
    <p:sldLayoutId id="2147483690" r:id="rId1"/>
    <p:sldLayoutId id="2147483691" r:id="rId2"/>
    <p:sldLayoutId id="2147483692" r:id="rId3"/>
    <p:sldLayoutId id="2147483693" r:id="rId4"/>
    <p:sldLayoutId id="2147483694" r:id="rId5"/>
    <p:sldLayoutId id="2147483695" r:id="rId6"/>
    <p:sldLayoutId id="2147483696" r:id="rId7"/>
    <p:sldLayoutId id="2147483697" r:id="rId8"/>
    <p:sldLayoutId id="2147483698" r:id="rId9"/>
    <p:sldLayoutId id="2147483699" r:id="rId10"/>
    <p:sldLayoutId id="2147483700"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3">
                <a:lumMod val="20000"/>
                <a:lumOff val="80000"/>
              </a:schemeClr>
            </a:gs>
            <a:gs pos="84000">
              <a:schemeClr val="accent1">
                <a:lumMod val="20000"/>
                <a:lumOff val="80000"/>
              </a:schemeClr>
            </a:gs>
          </a:gsLst>
          <a:lin ang="16200000" scaled="1"/>
          <a:tileRect/>
        </a:grad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DF3B1DC3-BDFE-4447-900D-C0B2245A6490}"/>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97CC7524-A439-453B-865A-F7957E63DCEC}"/>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CC86B772-4E87-4A2C-98ED-E9A5A2BC2548}"/>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CCD17600-EF00-4156-B295-34F48A5B95C5}" type="datetimeFigureOut">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8/2024</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Footer Placeholder 4">
            <a:extLst>
              <a:ext uri="{FF2B5EF4-FFF2-40B4-BE49-F238E27FC236}">
                <a16:creationId xmlns:a16="http://schemas.microsoft.com/office/drawing/2014/main" id="{52C4ED68-3CF0-40BF-8619-01A44A28EBF1}"/>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ide Number Placeholder 5">
            <a:extLst>
              <a:ext uri="{FF2B5EF4-FFF2-40B4-BE49-F238E27FC236}">
                <a16:creationId xmlns:a16="http://schemas.microsoft.com/office/drawing/2014/main" id="{6F7F6915-4D48-4CF6-B59B-97E33AFCA136}"/>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BECDA555-1BF1-4308-AC88-B539D9AF8043}" type="slidenum">
              <a:rPr kumimoji="0" lang="en-US"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41223709"/>
      </p:ext>
    </p:extLst>
  </p:cSld>
  <p:clrMap bg1="lt1" tx1="dk1" bg2="lt2" tx2="dk2" accent1="accent1" accent2="accent2" accent3="accent3" accent4="accent4" accent5="accent5" accent6="accent6" hlink="hlink" folHlink="folHlink"/>
  <p:sldLayoutIdLst>
    <p:sldLayoutId id="2147483702" r:id="rId1"/>
    <p:sldLayoutId id="2147483703" r:id="rId2"/>
    <p:sldLayoutId id="2147483704" r:id="rId3"/>
    <p:sldLayoutId id="2147483705" r:id="rId4"/>
    <p:sldLayoutId id="2147483706" r:id="rId5"/>
    <p:sldLayoutId id="2147483707" r:id="rId6"/>
    <p:sldLayoutId id="2147483708" r:id="rId7"/>
    <p:sldLayoutId id="2147483709" r:id="rId8"/>
    <p:sldLayoutId id="2147483710" r:id="rId9"/>
    <p:sldLayoutId id="2147483711" r:id="rId10"/>
    <p:sldLayoutId id="2147483712"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 pos="100000">
              <a:schemeClr val="accent1">
                <a:lumMod val="45000"/>
                <a:lumOff val="55000"/>
              </a:schemeClr>
            </a:gs>
            <a:gs pos="100000">
              <a:schemeClr val="accent1">
                <a:lumMod val="30000"/>
                <a:lumOff val="70000"/>
              </a:schemeClr>
            </a:gs>
          </a:gsLst>
          <a:lin ang="5400000" scaled="1"/>
          <a:tileRect/>
        </a:gradFill>
        <a:effectLst/>
      </p:bgPr>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ko-KR" altLang="en-US" sz="1200" b="0" i="0" u="none" strike="noStrike" kern="1200" cap="none" spc="0" normalizeH="0" baseline="0" noProof="0" smtClean="0">
                <a:ln>
                  <a:noFill/>
                </a:ln>
                <a:solidFill>
                  <a:prstClr val="black">
                    <a:tint val="75000"/>
                  </a:prstClr>
                </a:solidFill>
                <a:effectLst/>
                <a:uLnTx/>
                <a:uFillTx/>
                <a:latin typeface="Arial"/>
                <a:ea typeface="맑은 고딕"/>
                <a:cs typeface="+mn-cs"/>
              </a:rPr>
              <a:pPr marL="0" marR="0" lvl="0" indent="0" algn="r" defTabSz="457200" rtl="0" eaLnBrk="1" fontAlgn="auto" latinLnBrk="0" hangingPunct="1">
                <a:lnSpc>
                  <a:spcPct val="100000"/>
                </a:lnSpc>
                <a:spcBef>
                  <a:spcPts val="0"/>
                </a:spcBef>
                <a:spcAft>
                  <a:spcPts val="0"/>
                </a:spcAft>
                <a:buClrTx/>
                <a:buSzTx/>
                <a:buFontTx/>
                <a:buNone/>
                <a:tabLst/>
                <a:defRPr/>
              </a:pPr>
              <a:t>‹#›</a:t>
            </a:fld>
            <a:endParaRPr kumimoji="0" lang="ko-KR" altLang="en-US" sz="1200" b="0" i="0" u="none" strike="noStrike" kern="1200" cap="none" spc="0" normalizeH="0" baseline="0" noProof="0" dirty="0">
              <a:ln>
                <a:noFill/>
              </a:ln>
              <a:solidFill>
                <a:prstClr val="black">
                  <a:tint val="75000"/>
                </a:prstClr>
              </a:solidFill>
              <a:effectLst/>
              <a:uLnTx/>
              <a:uFillTx/>
              <a:latin typeface="Arial"/>
              <a:ea typeface="맑은 고딕"/>
              <a:cs typeface="+mn-cs"/>
            </a:endParaRPr>
          </a:p>
        </p:txBody>
      </p:sp>
    </p:spTree>
    <p:extLst>
      <p:ext uri="{BB962C8B-B14F-4D97-AF65-F5344CB8AC3E}">
        <p14:creationId xmlns:p14="http://schemas.microsoft.com/office/powerpoint/2010/main" val="2011970217"/>
      </p:ext>
    </p:extLst>
  </p:cSld>
  <p:clrMap bg1="lt1" tx1="dk1" bg2="lt2" tx2="dk2" accent1="accent1" accent2="accent2" accent3="accent3" accent4="accent4" accent5="accent5" accent6="accent6" hlink="hlink" folHlink="folHlink"/>
  <p:sldLayoutIdLst>
    <p:sldLayoutId id="2147483714" r:id="rId1"/>
    <p:sldLayoutId id="2147483715" r:id="rId2"/>
    <p:sldLayoutId id="2147483716" r:id="rId3"/>
    <p:sldLayoutId id="2147483717" r:id="rId4"/>
    <p:sldLayoutId id="2147483718" r:id="rId5"/>
    <p:sldLayoutId id="2147483719" r:id="rId6"/>
    <p:sldLayoutId id="2147483720" r:id="rId7"/>
    <p:sldLayoutId id="2147483721" r:id="rId8"/>
    <p:sldLayoutId id="2147483722" r:id="rId9"/>
    <p:sldLayoutId id="2147483723" r:id="rId10"/>
    <p:sldLayoutId id="2147483724" r:id="rId11"/>
    <p:sldLayoutId id="2147483725" r:id="rId12"/>
  </p:sldLayoutIdLs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8.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Lst>
          <a:lin ang="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30388482"/>
      </p:ext>
    </p:extLst>
  </p:cSld>
  <p:clrMap bg1="lt1" tx1="dk1" bg2="lt2" tx2="dk2" accent1="accent1" accent2="accent2" accent3="accent3" accent4="accent4" accent5="accent5" accent6="accent6" hlink="hlink" folHlink="folHlink"/>
  <p:sldLayoutIdLst>
    <p:sldLayoutId id="2147483727" r:id="rId1"/>
    <p:sldLayoutId id="2147483728" r:id="rId2"/>
    <p:sldLayoutId id="2147483729" r:id="rId3"/>
    <p:sldLayoutId id="2147483730" r:id="rId4"/>
    <p:sldLayoutId id="2147483731" r:id="rId5"/>
    <p:sldLayoutId id="2147483732" r:id="rId6"/>
    <p:sldLayoutId id="2147483733" r:id="rId7"/>
    <p:sldLayoutId id="2147483734" r:id="rId8"/>
    <p:sldLayoutId id="2147483735" r:id="rId9"/>
    <p:sldLayoutId id="2147483736" r:id="rId10"/>
    <p:sldLayoutId id="2147483737" r:id="rId11"/>
    <p:sldLayoutId id="2147483738" r:id="rId12"/>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9.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accent1">
                <a:lumMod val="30000"/>
                <a:lumOff val="70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custDataLst>
              <p:tags r:id="rId14"/>
            </p:custDataLst>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custDataLst>
              <p:tags r:id="rId15"/>
            </p:custDataLst>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custDataLst>
              <p:tags r:id="rId16"/>
            </p:custDataLst>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04594DAF-95E8-476A-AF7B-2124C94F035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8.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custDataLst>
              <p:tags r:id="rId17"/>
            </p:custDataLst>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4"/>
            <p:custDataLst>
              <p:tags r:id="rId18"/>
            </p:custDataLst>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8045360"/>
      </p:ext>
    </p:extLst>
  </p:cSld>
  <p:clrMap bg1="lt1" tx1="dk1" bg2="lt2" tx2="dk2" accent1="accent1" accent2="accent2" accent3="accent3" accent4="accent4" accent5="accent5" accent6="accent6" hlink="hlink" folHlink="folHlink"/>
  <p:sldLayoutIdLst>
    <p:sldLayoutId id="2147483740" r:id="rId1"/>
    <p:sldLayoutId id="2147483741" r:id="rId2"/>
    <p:sldLayoutId id="2147483742" r:id="rId3"/>
    <p:sldLayoutId id="2147483743" r:id="rId4"/>
    <p:sldLayoutId id="2147483744" r:id="rId5"/>
    <p:sldLayoutId id="2147483745" r:id="rId6"/>
    <p:sldLayoutId id="2147483746" r:id="rId7"/>
    <p:sldLayoutId id="2147483747" r:id="rId8"/>
    <p:sldLayoutId id="2147483748" r:id="rId9"/>
    <p:sldLayoutId id="2147483749" r:id="rId10"/>
    <p:sldLayoutId id="2147483750" r:id="rId11"/>
    <p:sldLayoutId id="2147483751" r:id="rId12"/>
  </p:sldLayoutIdLst>
  <p:hf sldNum="0" hdr="0" dt="0"/>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7" Type="http://schemas.openxmlformats.org/officeDocument/2006/relationships/image" Target="../media/image4.png"/><Relationship Id="rId2" Type="http://schemas.openxmlformats.org/officeDocument/2006/relationships/slideLayout" Target="../slideLayouts/slideLayout12.xml"/><Relationship Id="rId1" Type="http://schemas.openxmlformats.org/officeDocument/2006/relationships/tags" Target="../tags/tag30.xml"/><Relationship Id="rId6" Type="http://schemas.microsoft.com/office/2007/relationships/hdphoto" Target="../media/hdphoto1.wdp"/><Relationship Id="rId5" Type="http://schemas.openxmlformats.org/officeDocument/2006/relationships/image" Target="../media/image3.png"/><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72.xml"/><Relationship Id="rId1" Type="http://schemas.openxmlformats.org/officeDocument/2006/relationships/tags" Target="../tags/tag50.xml"/><Relationship Id="rId5" Type="http://schemas.openxmlformats.org/officeDocument/2006/relationships/audio" Target="../media/audio1.wav"/><Relationship Id="rId4" Type="http://schemas.openxmlformats.org/officeDocument/2006/relationships/audio" Target="../media/audio2.wav"/></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85.xml"/><Relationship Id="rId1" Type="http://schemas.openxmlformats.org/officeDocument/2006/relationships/tags" Target="../tags/tag51.xml"/><Relationship Id="rId5" Type="http://schemas.openxmlformats.org/officeDocument/2006/relationships/image" Target="../media/image7.png"/><Relationship Id="rId4" Type="http://schemas.openxmlformats.org/officeDocument/2006/relationships/hyperlink" Target="https://wordwall.net/play/5194/378/403" TargetMode="Externa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2.xml"/><Relationship Id="rId1" Type="http://schemas.openxmlformats.org/officeDocument/2006/relationships/tags" Target="../tags/tag52.xml"/><Relationship Id="rId4" Type="http://schemas.openxmlformats.org/officeDocument/2006/relationships/image" Target="../media/image8.jpe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2.xml"/><Relationship Id="rId1" Type="http://schemas.openxmlformats.org/officeDocument/2006/relationships/tags" Target="../tags/tag53.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2.xml"/><Relationship Id="rId1" Type="http://schemas.openxmlformats.org/officeDocument/2006/relationships/tags" Target="../tags/tag54.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12.xml"/><Relationship Id="rId1" Type="http://schemas.openxmlformats.org/officeDocument/2006/relationships/tags" Target="../tags/tag55.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12.xml"/><Relationship Id="rId1" Type="http://schemas.openxmlformats.org/officeDocument/2006/relationships/tags" Target="../tags/tag56.xml"/><Relationship Id="rId4" Type="http://schemas.openxmlformats.org/officeDocument/2006/relationships/image" Target="../media/image9.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12.xml"/><Relationship Id="rId1" Type="http://schemas.openxmlformats.org/officeDocument/2006/relationships/tags" Target="../tags/tag57.xml"/><Relationship Id="rId5" Type="http://schemas.openxmlformats.org/officeDocument/2006/relationships/image" Target="../media/image11.png"/><Relationship Id="rId4" Type="http://schemas.openxmlformats.org/officeDocument/2006/relationships/image" Target="../media/image10.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12.xml"/><Relationship Id="rId1" Type="http://schemas.openxmlformats.org/officeDocument/2006/relationships/tags" Target="../tags/tag58.xml"/><Relationship Id="rId5" Type="http://schemas.openxmlformats.org/officeDocument/2006/relationships/image" Target="../media/image13.png"/><Relationship Id="rId4" Type="http://schemas.openxmlformats.org/officeDocument/2006/relationships/image" Target="../media/image12.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12.xml"/><Relationship Id="rId1" Type="http://schemas.openxmlformats.org/officeDocument/2006/relationships/tags" Target="../tags/tag59.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2.xml"/><Relationship Id="rId1" Type="http://schemas.openxmlformats.org/officeDocument/2006/relationships/tags" Target="../tags/tag31.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72.xml"/><Relationship Id="rId1" Type="http://schemas.openxmlformats.org/officeDocument/2006/relationships/tags" Target="../tags/tag60.xml"/><Relationship Id="rId5" Type="http://schemas.openxmlformats.org/officeDocument/2006/relationships/audio" Target="../media/audio1.wav"/><Relationship Id="rId4" Type="http://schemas.openxmlformats.org/officeDocument/2006/relationships/audio" Target="../media/audio2.wav"/></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2.xml"/><Relationship Id="rId1" Type="http://schemas.openxmlformats.org/officeDocument/2006/relationships/tags" Target="../tags/tag61.xml"/><Relationship Id="rId5" Type="http://schemas.microsoft.com/office/2007/relationships/hdphoto" Target="../media/hdphoto2.wdp"/><Relationship Id="rId4" Type="http://schemas.openxmlformats.org/officeDocument/2006/relationships/image" Target="../media/image14.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12.xml"/><Relationship Id="rId1" Type="http://schemas.openxmlformats.org/officeDocument/2006/relationships/tags" Target="../tags/tag62.xm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107.xml"/><Relationship Id="rId1" Type="http://schemas.openxmlformats.org/officeDocument/2006/relationships/tags" Target="../tags/tag63.xml"/><Relationship Id="rId5" Type="http://schemas.openxmlformats.org/officeDocument/2006/relationships/image" Target="../media/image7.png"/><Relationship Id="rId4" Type="http://schemas.openxmlformats.org/officeDocument/2006/relationships/image" Target="../media/image15.png"/></Relationships>
</file>

<file path=ppt/slides/_rels/slide24.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64.xml"/><Relationship Id="rId6" Type="http://schemas.openxmlformats.org/officeDocument/2006/relationships/image" Target="../media/image16.png"/><Relationship Id="rId5" Type="http://schemas.openxmlformats.org/officeDocument/2006/relationships/notesSlide" Target="../notesSlides/notesSlide24.xml"/><Relationship Id="rId4" Type="http://schemas.openxmlformats.org/officeDocument/2006/relationships/slideLayout" Target="../slideLayouts/slideLayout12.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12.xml"/><Relationship Id="rId1" Type="http://schemas.openxmlformats.org/officeDocument/2006/relationships/tags" Target="../tags/tag65.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2.xml"/><Relationship Id="rId1" Type="http://schemas.openxmlformats.org/officeDocument/2006/relationships/tags" Target="../tags/tag66.xml"/><Relationship Id="rId4" Type="http://schemas.openxmlformats.org/officeDocument/2006/relationships/image" Target="../media/image17.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67.xml"/><Relationship Id="rId1" Type="http://schemas.openxmlformats.org/officeDocument/2006/relationships/tags" Target="../tags/tag67.xml"/><Relationship Id="rId4" Type="http://schemas.openxmlformats.org/officeDocument/2006/relationships/image" Target="../media/image18.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72.xml"/><Relationship Id="rId1" Type="http://schemas.openxmlformats.org/officeDocument/2006/relationships/tags" Target="../tags/tag68.xml"/><Relationship Id="rId5" Type="http://schemas.openxmlformats.org/officeDocument/2006/relationships/audio" Target="../media/audio1.wav"/><Relationship Id="rId4" Type="http://schemas.openxmlformats.org/officeDocument/2006/relationships/audio" Target="../media/audio2.wav"/></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85.xml"/><Relationship Id="rId1" Type="http://schemas.openxmlformats.org/officeDocument/2006/relationships/tags" Target="../tags/tag69.xml"/><Relationship Id="rId5" Type="http://schemas.openxmlformats.org/officeDocument/2006/relationships/image" Target="../media/image7.png"/><Relationship Id="rId4" Type="http://schemas.openxmlformats.org/officeDocument/2006/relationships/hyperlink" Target="https://wordwall.net/play/5194/639/317" TargetMode="Externa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12.xml"/><Relationship Id="rId1" Type="http://schemas.openxmlformats.org/officeDocument/2006/relationships/tags" Target="../tags/tag32.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67.xml"/><Relationship Id="rId1" Type="http://schemas.openxmlformats.org/officeDocument/2006/relationships/tags" Target="../tags/tag70.xml"/><Relationship Id="rId4" Type="http://schemas.openxmlformats.org/officeDocument/2006/relationships/image" Target="../media/image19.pn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67.xml"/><Relationship Id="rId1" Type="http://schemas.openxmlformats.org/officeDocument/2006/relationships/tags" Target="../tags/tag71.xml"/><Relationship Id="rId4" Type="http://schemas.openxmlformats.org/officeDocument/2006/relationships/image" Target="../media/image20.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67.xml"/><Relationship Id="rId1" Type="http://schemas.openxmlformats.org/officeDocument/2006/relationships/tags" Target="../tags/tag72.xm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67.xml"/><Relationship Id="rId1" Type="http://schemas.openxmlformats.org/officeDocument/2006/relationships/tags" Target="../tags/tag73.xml"/><Relationship Id="rId5" Type="http://schemas.openxmlformats.org/officeDocument/2006/relationships/image" Target="../media/image22.png"/><Relationship Id="rId4" Type="http://schemas.openxmlformats.org/officeDocument/2006/relationships/image" Target="../media/image21.png"/></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67.xml"/><Relationship Id="rId1" Type="http://schemas.openxmlformats.org/officeDocument/2006/relationships/tags" Target="../tags/tag74.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67.xml"/><Relationship Id="rId1" Type="http://schemas.openxmlformats.org/officeDocument/2006/relationships/tags" Target="../tags/tag75.xml"/></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85.xml"/><Relationship Id="rId1" Type="http://schemas.openxmlformats.org/officeDocument/2006/relationships/tags" Target="../tags/tag76.xml"/><Relationship Id="rId5" Type="http://schemas.openxmlformats.org/officeDocument/2006/relationships/image" Target="../media/image7.png"/><Relationship Id="rId4" Type="http://schemas.openxmlformats.org/officeDocument/2006/relationships/hyperlink" Target="https://wordwall.net/play/5195/026/598" TargetMode="Externa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7" Type="http://schemas.openxmlformats.org/officeDocument/2006/relationships/image" Target="../media/image24.png"/><Relationship Id="rId2" Type="http://schemas.openxmlformats.org/officeDocument/2006/relationships/slideLayout" Target="../slideLayouts/slideLayout14.xml"/><Relationship Id="rId1" Type="http://schemas.openxmlformats.org/officeDocument/2006/relationships/tags" Target="../tags/tag77.xml"/><Relationship Id="rId6" Type="http://schemas.openxmlformats.org/officeDocument/2006/relationships/image" Target="../media/image23.png"/><Relationship Id="rId5" Type="http://schemas.openxmlformats.org/officeDocument/2006/relationships/audio" Target="../media/audio1.wav"/><Relationship Id="rId4" Type="http://schemas.openxmlformats.org/officeDocument/2006/relationships/audio" Target="../media/audio2.wav"/></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72.xml"/><Relationship Id="rId1" Type="http://schemas.openxmlformats.org/officeDocument/2006/relationships/tags" Target="../tags/tag78.xml"/><Relationship Id="rId5" Type="http://schemas.openxmlformats.org/officeDocument/2006/relationships/audio" Target="../media/audio1.wav"/><Relationship Id="rId4" Type="http://schemas.openxmlformats.org/officeDocument/2006/relationships/audio" Target="../media/audio2.wav"/></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72.xml"/><Relationship Id="rId1" Type="http://schemas.openxmlformats.org/officeDocument/2006/relationships/tags" Target="../tags/tag79.xml"/><Relationship Id="rId5" Type="http://schemas.openxmlformats.org/officeDocument/2006/relationships/audio" Target="../media/audio1.wav"/><Relationship Id="rId4" Type="http://schemas.openxmlformats.org/officeDocument/2006/relationships/audio" Target="../media/audio2.wav"/></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2.xml"/><Relationship Id="rId1" Type="http://schemas.openxmlformats.org/officeDocument/2006/relationships/tags" Target="../tags/tag33.xml"/><Relationship Id="rId4" Type="http://schemas.openxmlformats.org/officeDocument/2006/relationships/image" Target="../media/image5.png"/></Relationships>
</file>

<file path=ppt/slides/_rels/slide40.xml.rels><?xml version="1.0" encoding="UTF-8" standalone="yes"?>
<Relationships xmlns="http://schemas.openxmlformats.org/package/2006/relationships"><Relationship Id="rId8" Type="http://schemas.openxmlformats.org/officeDocument/2006/relationships/image" Target="../media/image26.png"/><Relationship Id="rId13" Type="http://schemas.openxmlformats.org/officeDocument/2006/relationships/image" Target="../media/image31.svg"/><Relationship Id="rId3" Type="http://schemas.openxmlformats.org/officeDocument/2006/relationships/notesSlide" Target="../notesSlides/notesSlide40.xml"/><Relationship Id="rId7" Type="http://schemas.openxmlformats.org/officeDocument/2006/relationships/hyperlink" Target="https://t.me/joinchat/QrR0NEiT70UPac8ZvS8MDA" TargetMode="External"/><Relationship Id="rId12" Type="http://schemas.openxmlformats.org/officeDocument/2006/relationships/image" Target="../media/image30.png"/><Relationship Id="rId2" Type="http://schemas.openxmlformats.org/officeDocument/2006/relationships/slideLayout" Target="../slideLayouts/slideLayout114.xml"/><Relationship Id="rId1" Type="http://schemas.openxmlformats.org/officeDocument/2006/relationships/tags" Target="../tags/tag80.xml"/><Relationship Id="rId6" Type="http://schemas.openxmlformats.org/officeDocument/2006/relationships/hyperlink" Target="https://www.instagram.com/mustafa_yildirim129/" TargetMode="External"/><Relationship Id="rId11" Type="http://schemas.openxmlformats.org/officeDocument/2006/relationships/image" Target="../media/image29.svg"/><Relationship Id="rId5" Type="http://schemas.openxmlformats.org/officeDocument/2006/relationships/hyperlink" Target="https://dindersimateryal.com/" TargetMode="External"/><Relationship Id="rId10" Type="http://schemas.openxmlformats.org/officeDocument/2006/relationships/image" Target="../media/image28.png"/><Relationship Id="rId4" Type="http://schemas.openxmlformats.org/officeDocument/2006/relationships/image" Target="../media/image25.png"/><Relationship Id="rId9" Type="http://schemas.openxmlformats.org/officeDocument/2006/relationships/image" Target="../media/image27.svg"/></Relationships>
</file>

<file path=ppt/slides/_rels/slide5.xml.rels><?xml version="1.0" encoding="UTF-8" standalone="yes"?>
<Relationships xmlns="http://schemas.openxmlformats.org/package/2006/relationships"><Relationship Id="rId8" Type="http://schemas.openxmlformats.org/officeDocument/2006/relationships/tags" Target="../tags/tag41.xml"/><Relationship Id="rId13" Type="http://schemas.openxmlformats.org/officeDocument/2006/relationships/notesSlide" Target="../notesSlides/notesSlide5.xml"/><Relationship Id="rId3" Type="http://schemas.openxmlformats.org/officeDocument/2006/relationships/tags" Target="../tags/tag36.xml"/><Relationship Id="rId7" Type="http://schemas.openxmlformats.org/officeDocument/2006/relationships/tags" Target="../tags/tag40.xml"/><Relationship Id="rId12" Type="http://schemas.openxmlformats.org/officeDocument/2006/relationships/slideLayout" Target="../slideLayouts/slideLayout28.xml"/><Relationship Id="rId2" Type="http://schemas.openxmlformats.org/officeDocument/2006/relationships/tags" Target="../tags/tag35.xml"/><Relationship Id="rId1" Type="http://schemas.openxmlformats.org/officeDocument/2006/relationships/tags" Target="../tags/tag34.xml"/><Relationship Id="rId6" Type="http://schemas.openxmlformats.org/officeDocument/2006/relationships/tags" Target="../tags/tag39.xml"/><Relationship Id="rId11" Type="http://schemas.openxmlformats.org/officeDocument/2006/relationships/tags" Target="../tags/tag44.xml"/><Relationship Id="rId5" Type="http://schemas.openxmlformats.org/officeDocument/2006/relationships/tags" Target="../tags/tag38.xml"/><Relationship Id="rId10" Type="http://schemas.openxmlformats.org/officeDocument/2006/relationships/tags" Target="../tags/tag43.xml"/><Relationship Id="rId4" Type="http://schemas.openxmlformats.org/officeDocument/2006/relationships/tags" Target="../tags/tag37.xml"/><Relationship Id="rId9" Type="http://schemas.openxmlformats.org/officeDocument/2006/relationships/tags" Target="../tags/tag42.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39.xml"/><Relationship Id="rId2" Type="http://schemas.openxmlformats.org/officeDocument/2006/relationships/tags" Target="../tags/tag46.xml"/><Relationship Id="rId1" Type="http://schemas.openxmlformats.org/officeDocument/2006/relationships/tags" Target="../tags/tag45.xml"/><Relationship Id="rId5" Type="http://schemas.openxmlformats.org/officeDocument/2006/relationships/image" Target="../media/image6.jpe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25.xml"/><Relationship Id="rId1" Type="http://schemas.openxmlformats.org/officeDocument/2006/relationships/tags" Target="../tags/tag47.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2.xml"/><Relationship Id="rId1" Type="http://schemas.openxmlformats.org/officeDocument/2006/relationships/tags" Target="../tags/tag48.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50.xml"/><Relationship Id="rId1" Type="http://schemas.openxmlformats.org/officeDocument/2006/relationships/tags" Target="../tags/tag49.xml"/><Relationship Id="rId5" Type="http://schemas.openxmlformats.org/officeDocument/2006/relationships/audio" Target="../media/audio2.wav"/><Relationship Id="rId4" Type="http://schemas.openxmlformats.org/officeDocument/2006/relationships/audio" Target="../media/audio1.wav"/></Relationships>
</file>

<file path=ppt/slides/slide1.xml><?xml version="1.0" encoding="utf-8"?>
<p:sld xmlns:a="http://schemas.openxmlformats.org/drawingml/2006/main" xmlns:r="http://schemas.openxmlformats.org/officeDocument/2006/relationships" xmlns:p="http://schemas.openxmlformats.org/presentationml/2006/main">
  <p:cSld>
    <p:bg>
      <p:bgPr>
        <a:gradFill>
          <a:gsLst>
            <a:gs pos="100000">
              <a:schemeClr val="bg1">
                <a:lumMod val="85000"/>
              </a:schemeClr>
            </a:gs>
            <a:gs pos="100000">
              <a:schemeClr val="accent1">
                <a:lumMod val="45000"/>
                <a:lumOff val="55000"/>
              </a:schemeClr>
            </a:gs>
            <a:gs pos="100000">
              <a:schemeClr val="bg1">
                <a:lumMod val="85000"/>
              </a:schemeClr>
            </a:gs>
            <a:gs pos="0">
              <a:schemeClr val="accent1">
                <a:lumMod val="30000"/>
                <a:lumOff val="70000"/>
              </a:schemeClr>
            </a:gs>
          </a:gsLst>
          <a:lin ang="5400000" scaled="1"/>
        </a:gradFill>
        <a:effectLst/>
      </p:bgPr>
    </p:bg>
    <p:spTree>
      <p:nvGrpSpPr>
        <p:cNvPr id="1" name=""/>
        <p:cNvGrpSpPr/>
        <p:nvPr/>
      </p:nvGrpSpPr>
      <p:grpSpPr>
        <a:xfrm>
          <a:off x="0" y="0"/>
          <a:ext cx="0" cy="0"/>
          <a:chOff x="0" y="0"/>
          <a:chExt cx="0" cy="0"/>
        </a:xfrm>
      </p:grpSpPr>
      <p:sp>
        <p:nvSpPr>
          <p:cNvPr id="18" name="사각형: 둥근 위쪽 모서리 123">
            <a:extLst>
              <a:ext uri="{FF2B5EF4-FFF2-40B4-BE49-F238E27FC236}">
                <a16:creationId xmlns:a16="http://schemas.microsoft.com/office/drawing/2014/main" id="{E4333382-2054-4688-9DB1-206C2774BAF3}"/>
              </a:ext>
            </a:extLst>
          </p:cNvPr>
          <p:cNvSpPr/>
          <p:nvPr/>
        </p:nvSpPr>
        <p:spPr>
          <a:xfrm rot="5400000">
            <a:off x="4795532" y="-2621620"/>
            <a:ext cx="775907" cy="6332069"/>
          </a:xfrm>
          <a:prstGeom prst="round2Same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grpSp>
        <p:nvGrpSpPr>
          <p:cNvPr id="19" name="그룹 124">
            <a:extLst>
              <a:ext uri="{FF2B5EF4-FFF2-40B4-BE49-F238E27FC236}">
                <a16:creationId xmlns:a16="http://schemas.microsoft.com/office/drawing/2014/main" id="{086020A5-280F-433F-94DE-40A329FBD61D}"/>
              </a:ext>
            </a:extLst>
          </p:cNvPr>
          <p:cNvGrpSpPr/>
          <p:nvPr/>
        </p:nvGrpSpPr>
        <p:grpSpPr>
          <a:xfrm>
            <a:off x="1459808" y="131003"/>
            <a:ext cx="998579" cy="813614"/>
            <a:chOff x="1405985" y="1484784"/>
            <a:chExt cx="1176119" cy="813614"/>
          </a:xfrm>
          <a:solidFill>
            <a:srgbClr val="4F5881"/>
          </a:solidFill>
        </p:grpSpPr>
        <p:sp>
          <p:nvSpPr>
            <p:cNvPr id="20" name="사각형: 둥근 위쪽 모서리 130">
              <a:extLst>
                <a:ext uri="{FF2B5EF4-FFF2-40B4-BE49-F238E27FC236}">
                  <a16:creationId xmlns:a16="http://schemas.microsoft.com/office/drawing/2014/main" id="{5C62486F-83B2-4608-A6D7-8697C9C3E2B6}"/>
                </a:ext>
              </a:extLst>
            </p:cNvPr>
            <p:cNvSpPr/>
            <p:nvPr/>
          </p:nvSpPr>
          <p:spPr>
            <a:xfrm rot="16200000">
              <a:off x="1483672" y="1407097"/>
              <a:ext cx="813146" cy="968520"/>
            </a:xfrm>
            <a:prstGeom prst="round2Same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21" name="직각 삼각형 131">
              <a:extLst>
                <a:ext uri="{FF2B5EF4-FFF2-40B4-BE49-F238E27FC236}">
                  <a16:creationId xmlns:a16="http://schemas.microsoft.com/office/drawing/2014/main" id="{0817C81E-2D51-4CA1-9E94-DE90FD513D2C}"/>
                </a:ext>
              </a:extLst>
            </p:cNvPr>
            <p:cNvSpPr/>
            <p:nvPr/>
          </p:nvSpPr>
          <p:spPr>
            <a:xfrm rot="5400000">
              <a:off x="2071730" y="1788024"/>
              <a:ext cx="813147" cy="207601"/>
            </a:xfrm>
            <a:prstGeom prst="rtTriangl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grpSp>
      <p:sp>
        <p:nvSpPr>
          <p:cNvPr id="22" name="Rectangle 236">
            <a:extLst>
              <a:ext uri="{FF2B5EF4-FFF2-40B4-BE49-F238E27FC236}">
                <a16:creationId xmlns:a16="http://schemas.microsoft.com/office/drawing/2014/main" id="{73638ECA-3AD4-4CF2-AAE6-F444B9119FC0}"/>
              </a:ext>
            </a:extLst>
          </p:cNvPr>
          <p:cNvSpPr/>
          <p:nvPr/>
        </p:nvSpPr>
        <p:spPr>
          <a:xfrm rot="5400000">
            <a:off x="7071521" y="441929"/>
            <a:ext cx="813148" cy="191292"/>
          </a:xfrm>
          <a:prstGeom prst="rect">
            <a:avLst/>
          </a:prstGeom>
          <a:blipFill dpi="0" rotWithShape="1">
            <a:blip r:embed="rId4">
              <a:alphaModFix amt="20000"/>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23" name="Dikdörtgen 22"/>
          <p:cNvSpPr/>
          <p:nvPr/>
        </p:nvSpPr>
        <p:spPr>
          <a:xfrm>
            <a:off x="2526288" y="183764"/>
            <a:ext cx="4827155" cy="646331"/>
          </a:xfrm>
          <a:prstGeom prst="rect">
            <a:avLst/>
          </a:prstGeom>
        </p:spPr>
        <p:txBody>
          <a:bodyPr wrap="non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Arial"/>
                <a:ea typeface="맑은 고딕"/>
                <a:cs typeface="+mn-cs"/>
              </a:rPr>
              <a:t>İnsanın Allah ile İrtibatı</a:t>
            </a:r>
          </a:p>
        </p:txBody>
      </p:sp>
      <p:sp>
        <p:nvSpPr>
          <p:cNvPr id="24" name="Metin kutusu 23"/>
          <p:cNvSpPr txBox="1"/>
          <p:nvPr/>
        </p:nvSpPr>
        <p:spPr>
          <a:xfrm>
            <a:off x="1673223" y="193702"/>
            <a:ext cx="295422" cy="738664"/>
          </a:xfrm>
          <a:prstGeom prst="rect">
            <a:avLst/>
          </a:prstGeom>
          <a:noFill/>
        </p:spPr>
        <p:txBody>
          <a:bodyPr wrap="square" lIns="0" tIns="0" rIns="0" bIns="0"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prstClr val="white"/>
                </a:solidFill>
                <a:effectLst/>
                <a:uLnTx/>
                <a:uFillTx/>
                <a:latin typeface="Arial"/>
                <a:ea typeface="맑은 고딕"/>
                <a:cs typeface="+mn-cs"/>
              </a:rPr>
              <a:t>5</a:t>
            </a:r>
          </a:p>
        </p:txBody>
      </p:sp>
      <p:pic>
        <p:nvPicPr>
          <p:cNvPr id="25" name="Picture 6" descr="Muslim Cartoon clipart - Religion, transparent clip art"/>
          <p:cNvPicPr>
            <a:picLocks noChangeAspect="1" noChangeArrowheads="1"/>
          </p:cNvPicPr>
          <p:nvPr/>
        </p:nvPicPr>
        <p:blipFill rotWithShape="1">
          <a:blip r:embed="rId5" cstate="print">
            <a:extLst>
              <a:ext uri="{BEBA8EAE-BF5A-486C-A8C5-ECC9F3942E4B}">
                <a14:imgProps xmlns:a14="http://schemas.microsoft.com/office/drawing/2010/main">
                  <a14:imgLayer r:embed="rId6">
                    <a14:imgEffect>
                      <a14:backgroundRemoval t="577" b="95769" l="11000" r="90000"/>
                    </a14:imgEffect>
                  </a14:imgLayer>
                </a14:imgProps>
              </a:ext>
              <a:ext uri="{28A0092B-C50C-407E-A947-70E740481C1C}">
                <a14:useLocalDpi xmlns:a14="http://schemas.microsoft.com/office/drawing/2010/main" val="0"/>
              </a:ext>
            </a:extLst>
          </a:blip>
          <a:srcRect l="23881" t="98" r="25544" b="8217"/>
          <a:stretch/>
        </p:blipFill>
        <p:spPr bwMode="auto">
          <a:xfrm>
            <a:off x="7660869" y="183764"/>
            <a:ext cx="688651" cy="721299"/>
          </a:xfrm>
          <a:prstGeom prst="ellipse">
            <a:avLst/>
          </a:prstGeom>
          <a:noFill/>
          <a:extLst>
            <a:ext uri="{909E8E84-426E-40DD-AFC4-6F175D3DCCD1}">
              <a14:hiddenFill xmlns:a14="http://schemas.microsoft.com/office/drawing/2010/main">
                <a:solidFill>
                  <a:srgbClr val="FFFFFF"/>
                </a:solidFill>
              </a14:hiddenFill>
            </a:ext>
          </a:extLst>
        </p:spPr>
      </p:pic>
      <p:pic>
        <p:nvPicPr>
          <p:cNvPr id="1028" name="Picture 4" descr="Brain Test 166. Seviye &quot;Bu Nasıl Doğru Olabilir&quot; Sorunun Cevabı Nedir? |  Tozlu Mikrofon"/>
          <p:cNvPicPr>
            <a:picLocks noChangeAspect="1" noChangeArrowheads="1"/>
          </p:cNvPicPr>
          <p:nvPr/>
        </p:nvPicPr>
        <p:blipFill rotWithShape="1">
          <a:blip r:embed="rId7">
            <a:extLst>
              <a:ext uri="{28A0092B-C50C-407E-A947-70E740481C1C}">
                <a14:useLocalDpi xmlns:a14="http://schemas.microsoft.com/office/drawing/2010/main" val="0"/>
              </a:ext>
            </a:extLst>
          </a:blip>
          <a:srcRect l="3356" t="2392" b="5849"/>
          <a:stretch/>
        </p:blipFill>
        <p:spPr bwMode="auto">
          <a:xfrm>
            <a:off x="5800495" y="1244475"/>
            <a:ext cx="6391505" cy="4017365"/>
          </a:xfrm>
          <a:prstGeom prst="rect">
            <a:avLst/>
          </a:prstGeom>
          <a:noFill/>
          <a:extLst>
            <a:ext uri="{909E8E84-426E-40DD-AFC4-6F175D3DCCD1}">
              <a14:hiddenFill xmlns:a14="http://schemas.microsoft.com/office/drawing/2010/main">
                <a:solidFill>
                  <a:srgbClr val="FFFFFF"/>
                </a:solidFill>
              </a14:hiddenFill>
            </a:ext>
          </a:extLst>
        </p:spPr>
      </p:pic>
      <p:sp>
        <p:nvSpPr>
          <p:cNvPr id="27" name="Dikdörtgen 26"/>
          <p:cNvSpPr/>
          <p:nvPr/>
        </p:nvSpPr>
        <p:spPr>
          <a:xfrm>
            <a:off x="328737" y="2848129"/>
            <a:ext cx="5133912" cy="1783831"/>
          </a:xfrm>
          <a:prstGeom prst="rect">
            <a:avLst/>
          </a:prstGeom>
          <a:solidFill>
            <a:schemeClr val="accent4">
              <a:lumMod val="60000"/>
              <a:lumOff val="40000"/>
            </a:schemeClr>
          </a:solidFill>
          <a:ln>
            <a:solidFill>
              <a:schemeClr val="accent1">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İnsanın Allah ile iletişim kurma yolları nelerdir?</a:t>
            </a:r>
          </a:p>
        </p:txBody>
      </p:sp>
    </p:spTree>
    <p:custDataLst>
      <p:tags r:id="rId1"/>
    </p:custDataLst>
    <p:extLst>
      <p:ext uri="{BB962C8B-B14F-4D97-AF65-F5344CB8AC3E}">
        <p14:creationId xmlns:p14="http://schemas.microsoft.com/office/powerpoint/2010/main" val="31667922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7"/>
                                        </p:tgtEl>
                                        <p:attrNameLst>
                                          <p:attrName>style.visibility</p:attrName>
                                        </p:attrNameLst>
                                      </p:cBhvr>
                                      <p:to>
                                        <p:strVal val="visible"/>
                                      </p:to>
                                    </p:set>
                                    <p:animEffect transition="in" filter="wipe(left)">
                                      <p:cBhvr>
                                        <p:cTn id="7" dur="500"/>
                                        <p:tgtEl>
                                          <p:spTgt spid="27"/>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1028"/>
                                        </p:tgtEl>
                                        <p:attrNameLst>
                                          <p:attrName>style.visibility</p:attrName>
                                        </p:attrNameLst>
                                      </p:cBhvr>
                                      <p:to>
                                        <p:strVal val="visible"/>
                                      </p:to>
                                    </p:set>
                                    <p:animEffect transition="in" filter="wipe(left)">
                                      <p:cBhvr>
                                        <p:cTn id="11" dur="500"/>
                                        <p:tgtEl>
                                          <p:spTgt spid="10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7" grpId="0" animBg="1"/>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40296" y="4340060"/>
            <a:ext cx="582662" cy="539476"/>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32" name="Dikdörtgen 131"/>
          <p:cNvSpPr/>
          <p:nvPr/>
        </p:nvSpPr>
        <p:spPr>
          <a:xfrm>
            <a:off x="140558" y="361000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33" name="Dikdörtgen 132"/>
          <p:cNvSpPr/>
          <p:nvPr/>
        </p:nvSpPr>
        <p:spPr>
          <a:xfrm>
            <a:off x="135629" y="579514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27" name="Dikdörtgen 126"/>
          <p:cNvSpPr/>
          <p:nvPr/>
        </p:nvSpPr>
        <p:spPr>
          <a:xfrm>
            <a:off x="122829" y="2858304"/>
            <a:ext cx="382138"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122829" y="-4970"/>
            <a:ext cx="12019073" cy="2751579"/>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lvl="0" algn="just">
              <a:lnSpc>
                <a:spcPct val="100000"/>
              </a:lnSpc>
            </a:pPr>
            <a:r>
              <a:rPr lang="tr-TR" sz="4000" b="1" dirty="0"/>
              <a:t>Dua ile ilgili aşağıda verilen bilgilerden hangisi </a:t>
            </a:r>
            <a:r>
              <a:rPr lang="tr-TR" sz="4000" b="1" u="sng" dirty="0"/>
              <a:t>yanlıştır?</a:t>
            </a:r>
            <a:endParaRPr kumimoji="0" lang="tr-TR" sz="4000" b="1" i="0" u="sng" strike="noStrike" kern="1200" cap="none" spc="0" normalizeH="0" baseline="0" noProof="0" dirty="0">
              <a:ln>
                <a:noFill/>
              </a:ln>
              <a:solidFill>
                <a:prstClr val="black"/>
              </a:solidFill>
              <a:effectLst/>
              <a:uLnTx/>
              <a:uFillTx/>
              <a:latin typeface="Calibri" panose="020F0502020204030204"/>
            </a:endParaRPr>
          </a:p>
        </p:txBody>
      </p:sp>
      <p:grpSp>
        <p:nvGrpSpPr>
          <p:cNvPr id="105" name="A"/>
          <p:cNvGrpSpPr/>
          <p:nvPr/>
        </p:nvGrpSpPr>
        <p:grpSpPr>
          <a:xfrm>
            <a:off x="495508" y="2844657"/>
            <a:ext cx="11527754" cy="543553"/>
            <a:chOff x="955343" y="3343700"/>
            <a:chExt cx="11527754" cy="682389"/>
          </a:xfrm>
          <a:effectLst/>
        </p:grpSpPr>
        <p:sp>
          <p:nvSpPr>
            <p:cNvPr id="97" name="Yuvarlatılmış Dikdörtgen 96"/>
            <p:cNvSpPr/>
            <p:nvPr/>
          </p:nvSpPr>
          <p:spPr>
            <a:xfrm>
              <a:off x="955343" y="3343700"/>
              <a:ext cx="1201003" cy="682388"/>
            </a:xfrm>
            <a:prstGeom prst="roundRect">
              <a:avLst/>
            </a:prstGeom>
            <a:solidFill>
              <a:schemeClr val="accent6"/>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6" name="Serbest Form 95"/>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defRPr/>
              </a:pPr>
              <a:r>
                <a:rPr lang="tr-TR" sz="3600" dirty="0">
                  <a:solidFill>
                    <a:prstClr val="black"/>
                  </a:solidFill>
                </a:rPr>
                <a:t>     Sessizce ve içtenlikle dua edilmelidir</a:t>
              </a:r>
              <a:r>
                <a:rPr lang="tr-TR" sz="3200" dirty="0">
                  <a:solidFill>
                    <a:prstClr val="black"/>
                  </a:solidFill>
                </a:rPr>
                <a:t>. </a:t>
              </a:r>
              <a:endParaRPr kumimoji="0" lang="tr-TR" sz="4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04" name="Dikdörtgen 103"/>
          <p:cNvSpPr/>
          <p:nvPr/>
        </p:nvSpPr>
        <p:spPr>
          <a:xfrm>
            <a:off x="382136" y="2739419"/>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A</a:t>
            </a:r>
          </a:p>
        </p:txBody>
      </p:sp>
      <p:grpSp>
        <p:nvGrpSpPr>
          <p:cNvPr id="118" name="B"/>
          <p:cNvGrpSpPr/>
          <p:nvPr/>
        </p:nvGrpSpPr>
        <p:grpSpPr>
          <a:xfrm>
            <a:off x="531615" y="4343560"/>
            <a:ext cx="11527754" cy="543553"/>
            <a:chOff x="955343" y="3343700"/>
            <a:chExt cx="11527754" cy="682389"/>
          </a:xfrm>
        </p:grpSpPr>
        <p:sp>
          <p:nvSpPr>
            <p:cNvPr id="119" name="Yuvarlatılmış Dikdörtgen 118"/>
            <p:cNvSpPr/>
            <p:nvPr/>
          </p:nvSpPr>
          <p:spPr>
            <a:xfrm>
              <a:off x="955343" y="3343700"/>
              <a:ext cx="1201003" cy="682388"/>
            </a:xfrm>
            <a:prstGeom prst="roundRect">
              <a:avLst/>
            </a:prstGeom>
            <a:solidFill>
              <a:srgbClr val="38ACBB"/>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0" name="Serbest Form 119"/>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defRPr/>
              </a:pPr>
              <a:r>
                <a:rPr lang="tr-TR" sz="3600" dirty="0">
                  <a:solidFill>
                    <a:prstClr val="black"/>
                  </a:solidFill>
                </a:rPr>
                <a:t>     Duanın hemen kabul olacağı bilinmelidir. </a:t>
              </a:r>
              <a:endParaRPr kumimoji="0" lang="tr-TR" sz="3600" b="0" i="0" u="none" strike="noStrike" kern="1200" cap="none" spc="0" normalizeH="0" baseline="0" noProof="0" dirty="0">
                <a:ln>
                  <a:noFill/>
                </a:ln>
                <a:solidFill>
                  <a:prstClr val="black"/>
                </a:solidFill>
                <a:effectLst/>
                <a:uLnTx/>
                <a:uFillTx/>
                <a:latin typeface="Calibri" panose="020F0502020204030204"/>
              </a:endParaRPr>
            </a:p>
          </p:txBody>
        </p:sp>
      </p:grpSp>
      <p:grpSp>
        <p:nvGrpSpPr>
          <p:cNvPr id="121" name="C"/>
          <p:cNvGrpSpPr/>
          <p:nvPr/>
        </p:nvGrpSpPr>
        <p:grpSpPr>
          <a:xfrm>
            <a:off x="513237" y="3590418"/>
            <a:ext cx="11527754" cy="543553"/>
            <a:chOff x="955343" y="3343700"/>
            <a:chExt cx="11527754" cy="682389"/>
          </a:xfrm>
        </p:grpSpPr>
        <p:sp>
          <p:nvSpPr>
            <p:cNvPr id="122" name="Yuvarlatılmış Dikdörtgen 121"/>
            <p:cNvSpPr/>
            <p:nvPr/>
          </p:nvSpPr>
          <p:spPr>
            <a:xfrm>
              <a:off x="955343" y="3343700"/>
              <a:ext cx="1201003" cy="682388"/>
            </a:xfrm>
            <a:prstGeom prst="roundRect">
              <a:avLst/>
            </a:prstGeom>
            <a:solidFill>
              <a:srgbClr val="FFC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3" name="Serbest Form 122"/>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defRPr/>
              </a:pPr>
              <a:r>
                <a:rPr lang="tr-TR" sz="3600" dirty="0">
                  <a:solidFill>
                    <a:prstClr val="black"/>
                  </a:solidFill>
                </a:rPr>
                <a:t>     Hayır duada bulunmak ilke edinilmelidir.</a:t>
              </a:r>
              <a:endParaRPr kumimoji="0" lang="tr-TR" sz="5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4" name="D"/>
          <p:cNvGrpSpPr/>
          <p:nvPr/>
        </p:nvGrpSpPr>
        <p:grpSpPr>
          <a:xfrm>
            <a:off x="549252" y="5785459"/>
            <a:ext cx="11518296" cy="543553"/>
            <a:chOff x="955343" y="3343700"/>
            <a:chExt cx="11518296" cy="682389"/>
          </a:xfrm>
        </p:grpSpPr>
        <p:sp>
          <p:nvSpPr>
            <p:cNvPr id="125" name="Yuvarlatılmış Dikdörtgen 124"/>
            <p:cNvSpPr/>
            <p:nvPr/>
          </p:nvSpPr>
          <p:spPr>
            <a:xfrm>
              <a:off x="955343" y="3343700"/>
              <a:ext cx="1201003" cy="682388"/>
            </a:xfrm>
            <a:prstGeom prst="roundRect">
              <a:avLst/>
            </a:prstGeom>
            <a:solidFill>
              <a:srgbClr val="FF0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6" name="Serbest Form 125"/>
            <p:cNvSpPr/>
            <p:nvPr/>
          </p:nvSpPr>
          <p:spPr>
            <a:xfrm>
              <a:off x="1201742" y="3343700"/>
              <a:ext cx="11271897"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r>
                <a:rPr lang="tr-TR" sz="3100" dirty="0">
                  <a:solidFill>
                    <a:prstClr val="black"/>
                  </a:solidFill>
                </a:rPr>
                <a:t>    Dua halinde Allah ile iletişim kurulduğunun bilincinde olunmalıdır.</a:t>
              </a:r>
              <a:endParaRPr kumimoji="0" lang="tr-TR" sz="3100" b="0" i="0" u="none" strike="noStrike" kern="1200" cap="none" spc="0" normalizeH="0" baseline="0" noProof="0" dirty="0">
                <a:ln>
                  <a:noFill/>
                </a:ln>
                <a:solidFill>
                  <a:prstClr val="black"/>
                </a:solidFill>
                <a:effectLst/>
                <a:uLnTx/>
                <a:uFillTx/>
                <a:latin typeface="Calibri" panose="020F0502020204030204"/>
              </a:endParaRPr>
            </a:p>
          </p:txBody>
        </p:sp>
      </p:grpSp>
      <p:sp>
        <p:nvSpPr>
          <p:cNvPr id="128" name="Dikdörtgen 127"/>
          <p:cNvSpPr/>
          <p:nvPr/>
        </p:nvSpPr>
        <p:spPr>
          <a:xfrm>
            <a:off x="372677" y="4255384"/>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C</a:t>
            </a:r>
          </a:p>
        </p:txBody>
      </p:sp>
      <p:sp>
        <p:nvSpPr>
          <p:cNvPr id="129" name="Dikdörtgen 128"/>
          <p:cNvSpPr/>
          <p:nvPr/>
        </p:nvSpPr>
        <p:spPr>
          <a:xfrm>
            <a:off x="331627" y="3508251"/>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B</a:t>
            </a:r>
          </a:p>
        </p:txBody>
      </p:sp>
      <p:sp>
        <p:nvSpPr>
          <p:cNvPr id="130" name="Dikdörtgen 129"/>
          <p:cNvSpPr/>
          <p:nvPr/>
        </p:nvSpPr>
        <p:spPr>
          <a:xfrm>
            <a:off x="426950" y="5687317"/>
            <a:ext cx="66381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E</a:t>
            </a:r>
          </a:p>
        </p:txBody>
      </p:sp>
      <p:sp>
        <p:nvSpPr>
          <p:cNvPr id="26" name="Rectangle 6">
            <a:extLst>
              <a:ext uri="{FF2B5EF4-FFF2-40B4-BE49-F238E27FC236}">
                <a16:creationId xmlns:a16="http://schemas.microsoft.com/office/drawing/2014/main" id="{9007CF10-9BCC-4C67-A2C9-6EDAD53EEC34}"/>
              </a:ext>
            </a:extLst>
          </p:cNvPr>
          <p:cNvSpPr/>
          <p:nvPr/>
        </p:nvSpPr>
        <p:spPr>
          <a:xfrm>
            <a:off x="0" y="6432883"/>
            <a:ext cx="12192000" cy="452037"/>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 name="Komut Düğmesi: Geri veya Önceki 26">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8" name="Komut Düğmesi: İleri veya Sonraki 27">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9" name="Komut Düğmesi: Giriş 28">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 name="Yuvarlatılmış Dikdörtgen 2"/>
          <p:cNvSpPr/>
          <p:nvPr/>
        </p:nvSpPr>
        <p:spPr>
          <a:xfrm>
            <a:off x="8731951" y="2209347"/>
            <a:ext cx="3409951" cy="576215"/>
          </a:xfrm>
          <a:prstGeom prst="roundRect">
            <a:avLst/>
          </a:prstGeom>
          <a:solidFill>
            <a:srgbClr val="FF0000"/>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MEB Tekrar Testleri 2020</a:t>
            </a:r>
          </a:p>
        </p:txBody>
      </p:sp>
      <p:sp>
        <p:nvSpPr>
          <p:cNvPr id="30" name="Dikdörtgen 29"/>
          <p:cNvSpPr/>
          <p:nvPr/>
        </p:nvSpPr>
        <p:spPr>
          <a:xfrm>
            <a:off x="147502" y="5082044"/>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grpSp>
        <p:nvGrpSpPr>
          <p:cNvPr id="31" name="D"/>
          <p:cNvGrpSpPr/>
          <p:nvPr/>
        </p:nvGrpSpPr>
        <p:grpSpPr>
          <a:xfrm>
            <a:off x="561125" y="5072357"/>
            <a:ext cx="11518296" cy="543553"/>
            <a:chOff x="955343" y="3343700"/>
            <a:chExt cx="11518296" cy="682389"/>
          </a:xfrm>
        </p:grpSpPr>
        <p:sp>
          <p:nvSpPr>
            <p:cNvPr id="32" name="Yuvarlatılmış Dikdörtgen 31"/>
            <p:cNvSpPr/>
            <p:nvPr/>
          </p:nvSpPr>
          <p:spPr>
            <a:xfrm>
              <a:off x="955343" y="3343700"/>
              <a:ext cx="1201003" cy="682388"/>
            </a:xfrm>
            <a:prstGeom prst="roundRect">
              <a:avLst/>
            </a:prstGeom>
            <a:solidFill>
              <a:srgbClr val="DA64B7"/>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3" name="Serbest Form 32"/>
            <p:cNvSpPr/>
            <p:nvPr/>
          </p:nvSpPr>
          <p:spPr>
            <a:xfrm>
              <a:off x="1228299"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000" dirty="0">
                  <a:solidFill>
                    <a:prstClr val="black"/>
                  </a:solidFill>
                </a:rPr>
                <a:t> Kişi yalnızca kendisi için değil tüm insanlık için duada bulunmalıdır.</a:t>
              </a:r>
              <a:endParaRPr kumimoji="0" lang="tr-TR" sz="3000" b="0" i="0" u="none" strike="noStrike" kern="1200" cap="none" spc="0" normalizeH="0" baseline="0" noProof="0" dirty="0">
                <a:ln>
                  <a:noFill/>
                </a:ln>
                <a:solidFill>
                  <a:prstClr val="black"/>
                </a:solidFill>
                <a:effectLst/>
                <a:uLnTx/>
                <a:uFillTx/>
                <a:latin typeface="Calibri" panose="020F0502020204030204"/>
              </a:endParaRPr>
            </a:p>
          </p:txBody>
        </p:sp>
      </p:grpSp>
      <p:sp>
        <p:nvSpPr>
          <p:cNvPr id="34" name="Dikdörtgen 33"/>
          <p:cNvSpPr/>
          <p:nvPr/>
        </p:nvSpPr>
        <p:spPr>
          <a:xfrm>
            <a:off x="438294" y="4990190"/>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D</a:t>
            </a:r>
          </a:p>
        </p:txBody>
      </p:sp>
    </p:spTree>
    <p:custDataLst>
      <p:tags r:id="rId1"/>
    </p:custDataLst>
    <p:extLst>
      <p:ext uri="{BB962C8B-B14F-4D97-AF65-F5344CB8AC3E}">
        <p14:creationId xmlns:p14="http://schemas.microsoft.com/office/powerpoint/2010/main" val="244514868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05"/>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27"/>
                                        </p:tgtEl>
                                        <p:attrNameLst>
                                          <p:attrName>style.visibility</p:attrName>
                                        </p:attrNameLst>
                                      </p:cBhvr>
                                      <p:to>
                                        <p:strVal val="visible"/>
                                      </p:to>
                                    </p:set>
                                    <p:animEffect transition="in" filter="fade">
                                      <p:cBhvr>
                                        <p:cTn id="7" dur="1500"/>
                                        <p:tgtEl>
                                          <p:spTgt spid="127"/>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05"/>
                  </p:tgtEl>
                </p:cond>
              </p:nextCondLst>
            </p:seq>
            <p:seq concurrent="1" nextAc="seek">
              <p:cTn id="8" restart="whenNotActive" fill="hold" evtFilter="cancelBubble" nodeType="interactiveSeq">
                <p:stCondLst>
                  <p:cond evt="onClick" delay="0">
                    <p:tgtEl>
                      <p:spTgt spid="11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1"/>
                                        </p:tgtEl>
                                        <p:attrNameLst>
                                          <p:attrName>style.visibility</p:attrName>
                                        </p:attrNameLst>
                                      </p:cBhvr>
                                      <p:to>
                                        <p:strVal val="visible"/>
                                      </p:to>
                                    </p:set>
                                    <p:animEffect transition="in" filter="fade">
                                      <p:cBhvr>
                                        <p:cTn id="13" dur="1500"/>
                                        <p:tgtEl>
                                          <p:spTgt spid="131"/>
                                        </p:tgtEl>
                                      </p:cBhvr>
                                    </p:animEffect>
                                  </p:childTnLst>
                                  <p:subTnLst>
                                    <p:audio>
                                      <p:cMediaNode>
                                        <p:cTn display="0" masterRel="sameClick">
                                          <p:stCondLst>
                                            <p:cond evt="begin" delay="0">
                                              <p:tn val="11"/>
                                            </p:cond>
                                          </p:stCondLst>
                                          <p:endCondLst>
                                            <p:cond evt="onStopAudio" delay="0">
                                              <p:tgtEl>
                                                <p:sldTgt/>
                                              </p:tgtEl>
                                            </p:cond>
                                          </p:endCondLst>
                                        </p:cTn>
                                        <p:tgtEl>
                                          <p:sndTgt r:embed="rId5" name="CorrectAnswerSFX.wav"/>
                                        </p:tgtEl>
                                      </p:cMediaNode>
                                    </p:audio>
                                  </p:subTnLst>
                                </p:cTn>
                              </p:par>
                            </p:childTnLst>
                          </p:cTn>
                        </p:par>
                      </p:childTnLst>
                    </p:cTn>
                  </p:par>
                </p:childTnLst>
              </p:cTn>
              <p:nextCondLst>
                <p:cond evt="onClick" delay="0">
                  <p:tgtEl>
                    <p:spTgt spid="118"/>
                  </p:tgtEl>
                </p:cond>
              </p:nextCondLst>
            </p:seq>
            <p:seq concurrent="1" nextAc="seek">
              <p:cTn id="14" restart="whenNotActive" fill="hold" evtFilter="cancelBubble" nodeType="interactiveSeq">
                <p:stCondLst>
                  <p:cond evt="onClick" delay="0">
                    <p:tgtEl>
                      <p:spTgt spid="12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132"/>
                                        </p:tgtEl>
                                        <p:attrNameLst>
                                          <p:attrName>style.visibility</p:attrName>
                                        </p:attrNameLst>
                                      </p:cBhvr>
                                      <p:to>
                                        <p:strVal val="visible"/>
                                      </p:to>
                                    </p:set>
                                    <p:animEffect transition="in" filter="fade">
                                      <p:cBhvr>
                                        <p:cTn id="19" dur="1500"/>
                                        <p:tgtEl>
                                          <p:spTgt spid="132"/>
                                        </p:tgtEl>
                                      </p:cBhvr>
                                    </p:animEffect>
                                  </p:childTnLst>
                                  <p:subTnLst>
                                    <p:audio>
                                      <p:cMediaNode>
                                        <p:cTn display="0" masterRel="sameClick">
                                          <p:stCondLst>
                                            <p:cond evt="begin" delay="0">
                                              <p:tn val="17"/>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1"/>
                  </p:tgtEl>
                </p:cond>
              </p:nextCondLst>
            </p:seq>
            <p:seq concurrent="1" nextAc="seek">
              <p:cTn id="20" restart="whenNotActive" fill="hold" evtFilter="cancelBubble" nodeType="interactiveSeq">
                <p:stCondLst>
                  <p:cond evt="onClick" delay="0">
                    <p:tgtEl>
                      <p:spTgt spid="12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33"/>
                                        </p:tgtEl>
                                        <p:attrNameLst>
                                          <p:attrName>style.visibility</p:attrName>
                                        </p:attrNameLst>
                                      </p:cBhvr>
                                      <p:to>
                                        <p:strVal val="visible"/>
                                      </p:to>
                                    </p:set>
                                    <p:animEffect transition="in" filter="fade">
                                      <p:cBhvr>
                                        <p:cTn id="25" dur="1500"/>
                                        <p:tgtEl>
                                          <p:spTgt spid="133"/>
                                        </p:tgtEl>
                                      </p:cBhvr>
                                    </p:animEffect>
                                  </p:childTnLst>
                                  <p:subTnLst>
                                    <p:audio>
                                      <p:cMediaNode>
                                        <p:cTn display="0" masterRel="sameClick">
                                          <p:stCondLst>
                                            <p:cond evt="begin" delay="0">
                                              <p:tn val="2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4"/>
                  </p:tgtEl>
                </p:cond>
              </p:nextCondLst>
            </p:seq>
            <p:seq concurrent="1" nextAc="seek">
              <p:cTn id="26" restart="whenNotActive" fill="hold" evtFilter="cancelBubble" nodeType="interactiveSeq">
                <p:stCondLst>
                  <p:cond evt="onClick" delay="0">
                    <p:tgtEl>
                      <p:spTgt spid="31"/>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30"/>
                                        </p:tgtEl>
                                        <p:attrNameLst>
                                          <p:attrName>style.visibility</p:attrName>
                                        </p:attrNameLst>
                                      </p:cBhvr>
                                      <p:to>
                                        <p:strVal val="visible"/>
                                      </p:to>
                                    </p:set>
                                    <p:animEffect transition="in" filter="fade">
                                      <p:cBhvr>
                                        <p:cTn id="31" dur="1500"/>
                                        <p:tgtEl>
                                          <p:spTgt spid="30"/>
                                        </p:tgtEl>
                                      </p:cBhvr>
                                    </p:animEffect>
                                  </p:childTnLst>
                                  <p:subTnLst>
                                    <p:audio>
                                      <p:cMediaNode>
                                        <p:cTn display="0" masterRel="sameClick">
                                          <p:stCondLst>
                                            <p:cond evt="begin" delay="0">
                                              <p:tn val="2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31"/>
                  </p:tgtEl>
                </p:cond>
              </p:nextCondLst>
            </p:seq>
          </p:childTnLst>
        </p:cTn>
      </p:par>
    </p:tnLst>
    <p:bldLst>
      <p:bldP spid="131" grpId="0" animBg="1"/>
      <p:bldP spid="132" grpId="0" animBg="1"/>
      <p:bldP spid="133" grpId="0" animBg="1"/>
      <p:bldP spid="127" grpId="0" animBg="1"/>
      <p:bldP spid="30"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Yuvarlatılmış Dikdörtgen 4">
            <a:hlinkClick r:id="rId4"/>
          </p:cNvPr>
          <p:cNvSpPr/>
          <p:nvPr/>
        </p:nvSpPr>
        <p:spPr>
          <a:xfrm>
            <a:off x="2852245" y="1802498"/>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6" name="Dikdörtgen 5"/>
          <p:cNvSpPr/>
          <p:nvPr/>
        </p:nvSpPr>
        <p:spPr>
          <a:xfrm>
            <a:off x="8330875" y="2430571"/>
            <a:ext cx="162398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 name="Yuvarlatılmış Dikdörtgen 6"/>
          <p:cNvSpPr/>
          <p:nvPr/>
        </p:nvSpPr>
        <p:spPr>
          <a:xfrm>
            <a:off x="798786" y="4099035"/>
            <a:ext cx="10510345"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dindersimateryal.com sitesinde etkinlikler ve oyunlara ulaşabilirsiniz.</a:t>
            </a:r>
          </a:p>
        </p:txBody>
      </p:sp>
    </p:spTree>
    <p:custDataLst>
      <p:tags r:id="rId1"/>
    </p:custDataLst>
    <p:extLst>
      <p:ext uri="{BB962C8B-B14F-4D97-AF65-F5344CB8AC3E}">
        <p14:creationId xmlns:p14="http://schemas.microsoft.com/office/powerpoint/2010/main" val="517190329"/>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rbest Form 1"/>
          <p:cNvSpPr/>
          <p:nvPr/>
        </p:nvSpPr>
        <p:spPr>
          <a:xfrm>
            <a:off x="751840" y="299720"/>
            <a:ext cx="8514080" cy="955040"/>
          </a:xfrm>
          <a:custGeom>
            <a:avLst/>
            <a:gdLst>
              <a:gd name="connsiteX0" fmla="*/ 0 w 6604000"/>
              <a:gd name="connsiteY0" fmla="*/ 0 h 955040"/>
              <a:gd name="connsiteX1" fmla="*/ 5262880 w 6604000"/>
              <a:gd name="connsiteY1" fmla="*/ 0 h 955040"/>
              <a:gd name="connsiteX2" fmla="*/ 6604000 w 6604000"/>
              <a:gd name="connsiteY2" fmla="*/ 477520 h 955040"/>
              <a:gd name="connsiteX3" fmla="*/ 5262880 w 6604000"/>
              <a:gd name="connsiteY3" fmla="*/ 955040 h 955040"/>
              <a:gd name="connsiteX4" fmla="*/ 0 w 6604000"/>
              <a:gd name="connsiteY4" fmla="*/ 955040 h 95504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604000" h="955040">
                <a:moveTo>
                  <a:pt x="0" y="0"/>
                </a:moveTo>
                <a:lnTo>
                  <a:pt x="5262880" y="0"/>
                </a:lnTo>
                <a:lnTo>
                  <a:pt x="6604000" y="477520"/>
                </a:lnTo>
                <a:lnTo>
                  <a:pt x="5262880" y="955040"/>
                </a:lnTo>
                <a:lnTo>
                  <a:pt x="0" y="955040"/>
                </a:lnTo>
                <a:close/>
              </a:path>
            </a:pathLst>
          </a:custGeom>
          <a:solidFill>
            <a:schemeClr val="accent1">
              <a:lumMod val="40000"/>
              <a:lumOff val="60000"/>
            </a:schemeClr>
          </a:solidFill>
          <a:ln w="571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1"/>
            <a:r>
              <a:rPr lang="tr-TR" sz="3600" dirty="0">
                <a:solidFill>
                  <a:schemeClr val="tx1"/>
                </a:solidFill>
              </a:rPr>
              <a:t> Allah İle İletişim Kurma Yolları: </a:t>
            </a:r>
            <a:r>
              <a:rPr lang="tr-TR" sz="3600" b="1" dirty="0">
                <a:solidFill>
                  <a:schemeClr val="tx1"/>
                </a:solidFill>
              </a:rPr>
              <a:t>İbadet </a:t>
            </a:r>
          </a:p>
        </p:txBody>
      </p:sp>
      <p:sp>
        <p:nvSpPr>
          <p:cNvPr id="3" name="Oval 2"/>
          <p:cNvSpPr/>
          <p:nvPr/>
        </p:nvSpPr>
        <p:spPr>
          <a:xfrm>
            <a:off x="243840" y="248920"/>
            <a:ext cx="1016000" cy="1005840"/>
          </a:xfrm>
          <a:prstGeom prst="ellipse">
            <a:avLst/>
          </a:prstGeom>
          <a:solidFill>
            <a:schemeClr val="accent4">
              <a:lumMod val="40000"/>
              <a:lumOff val="60000"/>
            </a:schemeClr>
          </a:solidFill>
          <a:ln w="571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400" dirty="0">
                <a:solidFill>
                  <a:schemeClr val="tx1"/>
                </a:solidFill>
              </a:rPr>
              <a:t>2</a:t>
            </a:r>
          </a:p>
        </p:txBody>
      </p:sp>
      <p:pic>
        <p:nvPicPr>
          <p:cNvPr id="4" name="Picture 2" descr="4 SİHİRLİ SORU | ZAMAZİNGO"/>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288505" y="1015404"/>
            <a:ext cx="5842595" cy="5842596"/>
          </a:xfrm>
          <a:prstGeom prst="ellipse">
            <a:avLst/>
          </a:prstGeom>
          <a:ln>
            <a:noFill/>
          </a:ln>
          <a:effectLst>
            <a:softEdge rad="112500"/>
          </a:effectLst>
          <a:extLst>
            <a:ext uri="{909E8E84-426E-40DD-AFC4-6F175D3DCCD1}">
              <a14:hiddenFill xmlns:a14="http://schemas.microsoft.com/office/drawing/2010/main">
                <a:solidFill>
                  <a:srgbClr val="FFFFFF"/>
                </a:solidFill>
              </a14:hiddenFill>
            </a:ext>
          </a:extLst>
        </p:spPr>
      </p:pic>
      <p:sp>
        <p:nvSpPr>
          <p:cNvPr id="5" name="Dikdörtgen 4"/>
          <p:cNvSpPr/>
          <p:nvPr/>
        </p:nvSpPr>
        <p:spPr>
          <a:xfrm>
            <a:off x="425713" y="3125027"/>
            <a:ext cx="5862792" cy="1468505"/>
          </a:xfrm>
          <a:prstGeom prst="rect">
            <a:avLst/>
          </a:prstGeom>
          <a:solidFill>
            <a:schemeClr val="accent2">
              <a:lumMod val="20000"/>
              <a:lumOff val="80000"/>
            </a:schemeClr>
          </a:solidFill>
          <a:ln>
            <a:solidFill>
              <a:srgbClr val="00B0F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sz="4000" b="1" dirty="0">
                <a:solidFill>
                  <a:schemeClr val="tx1"/>
                </a:solidFill>
              </a:rPr>
              <a:t>İbadet</a:t>
            </a:r>
            <a:r>
              <a:rPr lang="tr-TR" sz="4000" dirty="0">
                <a:solidFill>
                  <a:schemeClr val="tx1"/>
                </a:solidFill>
              </a:rPr>
              <a:t> denilince aklınıza neler gelmektedir?</a:t>
            </a:r>
          </a:p>
        </p:txBody>
      </p:sp>
    </p:spTree>
    <p:custDataLst>
      <p:tags r:id="rId1"/>
    </p:custDataLst>
    <p:extLst>
      <p:ext uri="{BB962C8B-B14F-4D97-AF65-F5344CB8AC3E}">
        <p14:creationId xmlns:p14="http://schemas.microsoft.com/office/powerpoint/2010/main" val="29284676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down)">
                                      <p:cBhvr>
                                        <p:cTn id="7" dur="500"/>
                                        <p:tgtEl>
                                          <p:spTgt spid="5"/>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wipe(down)">
                                      <p:cBhvr>
                                        <p:cTn id="11"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ikdörtgen 1"/>
          <p:cNvSpPr/>
          <p:nvPr/>
        </p:nvSpPr>
        <p:spPr>
          <a:xfrm>
            <a:off x="384183" y="1556108"/>
            <a:ext cx="6209122" cy="3817997"/>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57200" indent="-457200" algn="just">
              <a:buFont typeface="Wingdings" panose="05000000000000000000" pitchFamily="2" charset="2"/>
              <a:buChar char="Ø"/>
            </a:pPr>
            <a:r>
              <a:rPr lang="tr-TR" sz="3200" dirty="0">
                <a:solidFill>
                  <a:schemeClr val="tx1"/>
                </a:solidFill>
              </a:rPr>
              <a:t>Allah’a (</a:t>
            </a:r>
            <a:r>
              <a:rPr lang="tr-TR" sz="3200" dirty="0" err="1">
                <a:solidFill>
                  <a:schemeClr val="tx1"/>
                </a:solidFill>
              </a:rPr>
              <a:t>c.c</a:t>
            </a:r>
            <a:r>
              <a:rPr lang="tr-TR" sz="3200" dirty="0">
                <a:solidFill>
                  <a:schemeClr val="tx1"/>
                </a:solidFill>
              </a:rPr>
              <a:t>.) gönülden isteyerek yönelmek, boyun eğmek ve itaat etmektir.</a:t>
            </a:r>
          </a:p>
          <a:p>
            <a:pPr marL="457200" indent="-457200" algn="just">
              <a:buFont typeface="Wingdings" panose="05000000000000000000" pitchFamily="2" charset="2"/>
              <a:buChar char="Ø"/>
            </a:pPr>
            <a:r>
              <a:rPr lang="tr-TR" sz="3200" dirty="0">
                <a:solidFill>
                  <a:schemeClr val="tx1"/>
                </a:solidFill>
              </a:rPr>
              <a:t>Kulun Allah’a karşı sevgi, saygı ve bağlılığını gösteren duygu, düşünce ve davranış biçimleridir.</a:t>
            </a:r>
            <a:endParaRPr lang="tr-TR" sz="4800" dirty="0">
              <a:solidFill>
                <a:schemeClr val="tx1"/>
              </a:solidFill>
            </a:endParaRPr>
          </a:p>
        </p:txBody>
      </p:sp>
      <p:sp>
        <p:nvSpPr>
          <p:cNvPr id="4" name="Freeform: Shape 17">
            <a:extLst>
              <a:ext uri="{FF2B5EF4-FFF2-40B4-BE49-F238E27FC236}">
                <a16:creationId xmlns:a16="http://schemas.microsoft.com/office/drawing/2014/main" id="{8AC2D4E0-03DC-4925-A0E2-6A090E204125}"/>
              </a:ext>
            </a:extLst>
          </p:cNvPr>
          <p:cNvSpPr/>
          <p:nvPr/>
        </p:nvSpPr>
        <p:spPr>
          <a:xfrm>
            <a:off x="2032716" y="1194850"/>
            <a:ext cx="2912056" cy="722515"/>
          </a:xfrm>
          <a:prstGeom prst="roundRect">
            <a:avLst>
              <a:gd name="adj" fmla="val 50000"/>
            </a:avLst>
          </a:prstGeom>
          <a:solidFill>
            <a:srgbClr val="F0F7F4"/>
          </a:solidFill>
          <a:ln>
            <a:solidFill>
              <a:srgbClr val="7030A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schemeClr val="tx1"/>
                </a:solidFill>
                <a:effectLst/>
                <a:uLnTx/>
                <a:uFillTx/>
                <a:latin typeface="Calibri" panose="020F0502020204030204"/>
                <a:ea typeface="+mn-ea"/>
                <a:cs typeface="+mn-cs"/>
              </a:rPr>
              <a:t>İbadet</a:t>
            </a:r>
            <a:endParaRPr kumimoji="0" lang="en-US" sz="4000" b="0" i="0" u="none" strike="noStrike" kern="1200" cap="none" spc="0" normalizeH="0" baseline="0" noProof="0" dirty="0">
              <a:ln>
                <a:noFill/>
              </a:ln>
              <a:solidFill>
                <a:schemeClr val="tx1"/>
              </a:solidFill>
              <a:effectLst/>
              <a:uLnTx/>
              <a:uFillTx/>
              <a:latin typeface="Calibri" panose="020F0502020204030204"/>
              <a:ea typeface="+mn-ea"/>
              <a:cs typeface="+mn-cs"/>
            </a:endParaRPr>
          </a:p>
        </p:txBody>
      </p:sp>
      <p:sp>
        <p:nvSpPr>
          <p:cNvPr id="7" name="Rectangle 18">
            <a:extLst>
              <a:ext uri="{FF2B5EF4-FFF2-40B4-BE49-F238E27FC236}">
                <a16:creationId xmlns:a16="http://schemas.microsoft.com/office/drawing/2014/main" id="{B0812D6B-BF97-4848-A313-604C17019E6A}"/>
              </a:ext>
            </a:extLst>
          </p:cNvPr>
          <p:cNvSpPr/>
          <p:nvPr/>
        </p:nvSpPr>
        <p:spPr>
          <a:xfrm>
            <a:off x="6972402" y="543791"/>
            <a:ext cx="5026830" cy="5712630"/>
          </a:xfrm>
          <a:prstGeom prst="rect">
            <a:avLst/>
          </a:prstGeom>
          <a:solidFill>
            <a:schemeClr val="accent2">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200" dirty="0">
              <a:effectLst>
                <a:outerShdw blurRad="38100" dist="38100" dir="2700000" algn="tl">
                  <a:srgbClr val="000000">
                    <a:alpha val="43137"/>
                  </a:srgbClr>
                </a:outerShdw>
              </a:effectLst>
            </a:endParaRPr>
          </a:p>
        </p:txBody>
      </p:sp>
      <p:grpSp>
        <p:nvGrpSpPr>
          <p:cNvPr id="8" name="Group 36">
            <a:extLst>
              <a:ext uri="{FF2B5EF4-FFF2-40B4-BE49-F238E27FC236}">
                <a16:creationId xmlns:a16="http://schemas.microsoft.com/office/drawing/2014/main" id="{3B050DDF-15C3-4190-8CCF-889ED3E8ACCE}"/>
              </a:ext>
            </a:extLst>
          </p:cNvPr>
          <p:cNvGrpSpPr/>
          <p:nvPr/>
        </p:nvGrpSpPr>
        <p:grpSpPr>
          <a:xfrm rot="1010489">
            <a:off x="9815146" y="5041747"/>
            <a:ext cx="1850982" cy="648388"/>
            <a:chOff x="4205677" y="4107136"/>
            <a:chExt cx="1411733" cy="544715"/>
          </a:xfrm>
          <a:solidFill>
            <a:schemeClr val="accent5">
              <a:lumMod val="20000"/>
              <a:lumOff val="80000"/>
            </a:schemeClr>
          </a:solidFill>
        </p:grpSpPr>
        <p:sp>
          <p:nvSpPr>
            <p:cNvPr id="9" name="Freeform: Shape 37">
              <a:extLst>
                <a:ext uri="{FF2B5EF4-FFF2-40B4-BE49-F238E27FC236}">
                  <a16:creationId xmlns:a16="http://schemas.microsoft.com/office/drawing/2014/main" id="{ABA0CDAC-9F98-4229-9FD4-E21641CA5D5E}"/>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grp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600"/>
            </a:p>
          </p:txBody>
        </p:sp>
        <p:sp>
          <p:nvSpPr>
            <p:cNvPr id="10" name="Rectangle 39">
              <a:extLst>
                <a:ext uri="{FF2B5EF4-FFF2-40B4-BE49-F238E27FC236}">
                  <a16:creationId xmlns:a16="http://schemas.microsoft.com/office/drawing/2014/main" id="{9A4A9EF7-755B-4C4D-8DCE-055FF4FE761D}"/>
                </a:ext>
              </a:extLst>
            </p:cNvPr>
            <p:cNvSpPr/>
            <p:nvPr/>
          </p:nvSpPr>
          <p:spPr>
            <a:xfrm rot="16200000">
              <a:off x="4073059" y="4239754"/>
              <a:ext cx="544715" cy="279479"/>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600"/>
            </a:p>
          </p:txBody>
        </p:sp>
        <p:sp>
          <p:nvSpPr>
            <p:cNvPr id="11" name="Rectangle 38">
              <a:extLst>
                <a:ext uri="{FF2B5EF4-FFF2-40B4-BE49-F238E27FC236}">
                  <a16:creationId xmlns:a16="http://schemas.microsoft.com/office/drawing/2014/main" id="{1C4CFA3A-8090-41B4-B508-D1E097D9C3C7}"/>
                </a:ext>
              </a:extLst>
            </p:cNvPr>
            <p:cNvSpPr/>
            <p:nvPr/>
          </p:nvSpPr>
          <p:spPr>
            <a:xfrm>
              <a:off x="4205677" y="4107137"/>
              <a:ext cx="1411733" cy="543138"/>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noProof="1">
                  <a:solidFill>
                    <a:schemeClr val="tx1"/>
                  </a:solidFill>
                </a:rPr>
                <a:t>Zekat</a:t>
              </a:r>
              <a:endParaRPr lang="en-US" sz="4000" noProof="1">
                <a:solidFill>
                  <a:schemeClr val="tx1"/>
                </a:solidFill>
              </a:endParaRPr>
            </a:p>
          </p:txBody>
        </p:sp>
      </p:grpSp>
      <p:grpSp>
        <p:nvGrpSpPr>
          <p:cNvPr id="12" name="Group 48">
            <a:extLst>
              <a:ext uri="{FF2B5EF4-FFF2-40B4-BE49-F238E27FC236}">
                <a16:creationId xmlns:a16="http://schemas.microsoft.com/office/drawing/2014/main" id="{E075F8DB-8BAD-44EE-9FDD-EADF057445A6}"/>
              </a:ext>
            </a:extLst>
          </p:cNvPr>
          <p:cNvGrpSpPr/>
          <p:nvPr/>
        </p:nvGrpSpPr>
        <p:grpSpPr>
          <a:xfrm rot="788455">
            <a:off x="7274199" y="1080313"/>
            <a:ext cx="1995322" cy="649255"/>
            <a:chOff x="4205677" y="4107137"/>
            <a:chExt cx="1454725" cy="544716"/>
          </a:xfrm>
        </p:grpSpPr>
        <p:sp>
          <p:nvSpPr>
            <p:cNvPr id="13" name="Freeform: Shape 49">
              <a:extLst>
                <a:ext uri="{FF2B5EF4-FFF2-40B4-BE49-F238E27FC236}">
                  <a16:creationId xmlns:a16="http://schemas.microsoft.com/office/drawing/2014/main" id="{2AC59A70-4F5B-41CE-8FA3-2CA95D2F18D8}"/>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50">
              <a:extLst>
                <a:ext uri="{FF2B5EF4-FFF2-40B4-BE49-F238E27FC236}">
                  <a16:creationId xmlns:a16="http://schemas.microsoft.com/office/drawing/2014/main" id="{463A0335-306A-4629-AE3E-8397D4A893A3}"/>
                </a:ext>
              </a:extLst>
            </p:cNvPr>
            <p:cNvSpPr/>
            <p:nvPr/>
          </p:nvSpPr>
          <p:spPr>
            <a:xfrm>
              <a:off x="4205677" y="4107137"/>
              <a:ext cx="1454725" cy="544716"/>
            </a:xfrm>
            <a:prstGeom prst="rect">
              <a:avLst/>
            </a:prstGeom>
            <a:solidFill>
              <a:srgbClr val="FD4DB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tx1"/>
                  </a:solidFill>
                </a:rPr>
                <a:t>Namaz</a:t>
              </a:r>
              <a:endParaRPr lang="en-US" sz="3200" noProof="1">
                <a:solidFill>
                  <a:schemeClr val="tx1"/>
                </a:solidFill>
              </a:endParaRPr>
            </a:p>
          </p:txBody>
        </p:sp>
      </p:grpSp>
      <p:grpSp>
        <p:nvGrpSpPr>
          <p:cNvPr id="15" name="Group 77">
            <a:extLst>
              <a:ext uri="{FF2B5EF4-FFF2-40B4-BE49-F238E27FC236}">
                <a16:creationId xmlns:a16="http://schemas.microsoft.com/office/drawing/2014/main" id="{31C9D6FE-BD2A-412B-908C-5232F58D0DBE}"/>
              </a:ext>
            </a:extLst>
          </p:cNvPr>
          <p:cNvGrpSpPr/>
          <p:nvPr/>
        </p:nvGrpSpPr>
        <p:grpSpPr>
          <a:xfrm rot="20277145">
            <a:off x="9761027" y="1038194"/>
            <a:ext cx="1939911" cy="843589"/>
            <a:chOff x="361187" y="2038658"/>
            <a:chExt cx="2831866" cy="2782724"/>
          </a:xfrm>
        </p:grpSpPr>
        <p:sp>
          <p:nvSpPr>
            <p:cNvPr id="16" name="Freeform: Shape 78">
              <a:extLst>
                <a:ext uri="{FF2B5EF4-FFF2-40B4-BE49-F238E27FC236}">
                  <a16:creationId xmlns:a16="http://schemas.microsoft.com/office/drawing/2014/main" id="{B3CAF33C-A9E9-4435-8A0A-D8167309CCBC}"/>
                </a:ext>
              </a:extLst>
            </p:cNvPr>
            <p:cNvSpPr/>
            <p:nvPr/>
          </p:nvSpPr>
          <p:spPr>
            <a:xfrm>
              <a:off x="495340" y="4486153"/>
              <a:ext cx="2582955" cy="335229"/>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12473" h="599217">
                  <a:moveTo>
                    <a:pt x="0" y="0"/>
                  </a:moveTo>
                  <a:lnTo>
                    <a:pt x="2812473" y="0"/>
                  </a:lnTo>
                  <a:lnTo>
                    <a:pt x="2812473" y="599216"/>
                  </a:lnTo>
                  <a:lnTo>
                    <a:pt x="2785085" y="584277"/>
                  </a:lnTo>
                  <a:cubicBezTo>
                    <a:pt x="2432207" y="409333"/>
                    <a:pt x="1944711" y="301128"/>
                    <a:pt x="1406237" y="301128"/>
                  </a:cubicBezTo>
                  <a:cubicBezTo>
                    <a:pt x="867763" y="301128"/>
                    <a:pt x="380267" y="409333"/>
                    <a:pt x="27389" y="584277"/>
                  </a:cubicBezTo>
                  <a:lnTo>
                    <a:pt x="0" y="599217"/>
                  </a:ln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80">
              <a:extLst>
                <a:ext uri="{FF2B5EF4-FFF2-40B4-BE49-F238E27FC236}">
                  <a16:creationId xmlns:a16="http://schemas.microsoft.com/office/drawing/2014/main" id="{B3A26F4E-7EB2-4A6B-AD26-7531A29BA654}"/>
                </a:ext>
              </a:extLst>
            </p:cNvPr>
            <p:cNvSpPr/>
            <p:nvPr/>
          </p:nvSpPr>
          <p:spPr>
            <a:xfrm>
              <a:off x="380580" y="2050472"/>
              <a:ext cx="2812473" cy="540327"/>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79">
              <a:extLst>
                <a:ext uri="{FF2B5EF4-FFF2-40B4-BE49-F238E27FC236}">
                  <a16:creationId xmlns:a16="http://schemas.microsoft.com/office/drawing/2014/main" id="{8F4C5D0F-EC07-407D-91A3-2CF3ADBF90BD}"/>
                </a:ext>
              </a:extLst>
            </p:cNvPr>
            <p:cNvSpPr/>
            <p:nvPr/>
          </p:nvSpPr>
          <p:spPr>
            <a:xfrm>
              <a:off x="361187" y="2038658"/>
              <a:ext cx="2812473" cy="2770910"/>
            </a:xfrm>
            <a:prstGeom prst="rect">
              <a:avLst/>
            </a:prstGeom>
            <a:solidFill>
              <a:srgbClr val="FBAE3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200" noProof="1">
                  <a:solidFill>
                    <a:schemeClr val="tx1"/>
                  </a:solidFill>
                </a:rPr>
                <a:t>Doğruluk</a:t>
              </a:r>
              <a:endParaRPr lang="en-US" sz="3200" noProof="1">
                <a:solidFill>
                  <a:schemeClr val="tx1"/>
                </a:solidFill>
              </a:endParaRPr>
            </a:p>
          </p:txBody>
        </p:sp>
      </p:grpSp>
      <p:grpSp>
        <p:nvGrpSpPr>
          <p:cNvPr id="19" name="Group 81">
            <a:extLst>
              <a:ext uri="{FF2B5EF4-FFF2-40B4-BE49-F238E27FC236}">
                <a16:creationId xmlns:a16="http://schemas.microsoft.com/office/drawing/2014/main" id="{448F8F48-CF04-4057-A9C5-91ECFDCE3BA1}"/>
              </a:ext>
            </a:extLst>
          </p:cNvPr>
          <p:cNvGrpSpPr/>
          <p:nvPr/>
        </p:nvGrpSpPr>
        <p:grpSpPr>
          <a:xfrm>
            <a:off x="7232217" y="2055830"/>
            <a:ext cx="1791288" cy="732862"/>
            <a:chOff x="4205676" y="4107136"/>
            <a:chExt cx="1103869" cy="482563"/>
          </a:xfrm>
        </p:grpSpPr>
        <p:sp>
          <p:nvSpPr>
            <p:cNvPr id="20" name="Freeform: Shape 82">
              <a:extLst>
                <a:ext uri="{FF2B5EF4-FFF2-40B4-BE49-F238E27FC236}">
                  <a16:creationId xmlns:a16="http://schemas.microsoft.com/office/drawing/2014/main" id="{FB9C4B62-9BE1-43D7-805E-498F0E185982}"/>
                </a:ext>
              </a:extLst>
            </p:cNvPr>
            <p:cNvSpPr/>
            <p:nvPr/>
          </p:nvSpPr>
          <p:spPr>
            <a:xfrm>
              <a:off x="4226936" y="4420998"/>
              <a:ext cx="1076264" cy="168701"/>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83">
              <a:extLst>
                <a:ext uri="{FF2B5EF4-FFF2-40B4-BE49-F238E27FC236}">
                  <a16:creationId xmlns:a16="http://schemas.microsoft.com/office/drawing/2014/main" id="{21A7A64B-CB56-4E42-8B5A-4F68F361B0D1}"/>
                </a:ext>
              </a:extLst>
            </p:cNvPr>
            <p:cNvSpPr/>
            <p:nvPr/>
          </p:nvSpPr>
          <p:spPr>
            <a:xfrm>
              <a:off x="4205676" y="4107138"/>
              <a:ext cx="1103869" cy="482561"/>
            </a:xfrm>
            <a:prstGeom prst="rect">
              <a:avLst/>
            </a:prstGeom>
            <a:solidFill>
              <a:srgbClr val="E7F15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200" noProof="1">
                  <a:solidFill>
                    <a:schemeClr val="tx1"/>
                  </a:solidFill>
                </a:rPr>
                <a:t>Dürüstlük</a:t>
              </a:r>
              <a:endParaRPr lang="en-US" sz="3200" noProof="1">
                <a:solidFill>
                  <a:schemeClr val="tx1"/>
                </a:solidFill>
              </a:endParaRPr>
            </a:p>
          </p:txBody>
        </p:sp>
        <p:sp>
          <p:nvSpPr>
            <p:cNvPr id="22" name="Rectangle 84">
              <a:extLst>
                <a:ext uri="{FF2B5EF4-FFF2-40B4-BE49-F238E27FC236}">
                  <a16:creationId xmlns:a16="http://schemas.microsoft.com/office/drawing/2014/main" id="{BAE4A658-CB7A-4570-B942-DCBDDDCAAD0A}"/>
                </a:ext>
              </a:extLst>
            </p:cNvPr>
            <p:cNvSpPr/>
            <p:nvPr/>
          </p:nvSpPr>
          <p:spPr>
            <a:xfrm rot="16200000">
              <a:off x="4104135" y="4208678"/>
              <a:ext cx="482563"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23" name="Rectangle 12">
            <a:extLst>
              <a:ext uri="{FF2B5EF4-FFF2-40B4-BE49-F238E27FC236}">
                <a16:creationId xmlns:a16="http://schemas.microsoft.com/office/drawing/2014/main" id="{B583263A-C6A2-4F65-9161-C6261EA18D1F}"/>
              </a:ext>
            </a:extLst>
          </p:cNvPr>
          <p:cNvSpPr/>
          <p:nvPr/>
        </p:nvSpPr>
        <p:spPr>
          <a:xfrm>
            <a:off x="8583602" y="329974"/>
            <a:ext cx="1931603" cy="603122"/>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2800" dirty="0">
                <a:effectLst>
                  <a:outerShdw blurRad="38100" dist="38100" dir="2700000" algn="tl">
                    <a:srgbClr val="000000">
                      <a:alpha val="43137"/>
                    </a:srgbClr>
                  </a:outerShdw>
                </a:effectLst>
              </a:rPr>
              <a:t>ÖRNEKLER</a:t>
            </a:r>
            <a:endParaRPr lang="en-US" sz="2800" dirty="0">
              <a:effectLst>
                <a:outerShdw blurRad="38100" dist="38100" dir="2700000" algn="tl">
                  <a:srgbClr val="000000">
                    <a:alpha val="43137"/>
                  </a:srgbClr>
                </a:outerShdw>
              </a:effectLst>
            </a:endParaRPr>
          </a:p>
        </p:txBody>
      </p:sp>
      <p:grpSp>
        <p:nvGrpSpPr>
          <p:cNvPr id="24" name="Group 81">
            <a:extLst>
              <a:ext uri="{FF2B5EF4-FFF2-40B4-BE49-F238E27FC236}">
                <a16:creationId xmlns:a16="http://schemas.microsoft.com/office/drawing/2014/main" id="{448F8F48-CF04-4057-A9C5-91ECFDCE3BA1}"/>
              </a:ext>
            </a:extLst>
          </p:cNvPr>
          <p:cNvGrpSpPr/>
          <p:nvPr/>
        </p:nvGrpSpPr>
        <p:grpSpPr>
          <a:xfrm>
            <a:off x="9371181" y="2452747"/>
            <a:ext cx="1603581" cy="730964"/>
            <a:chOff x="4205676" y="4107136"/>
            <a:chExt cx="1103869" cy="482563"/>
          </a:xfrm>
        </p:grpSpPr>
        <p:sp>
          <p:nvSpPr>
            <p:cNvPr id="25" name="Freeform: Shape 82">
              <a:extLst>
                <a:ext uri="{FF2B5EF4-FFF2-40B4-BE49-F238E27FC236}">
                  <a16:creationId xmlns:a16="http://schemas.microsoft.com/office/drawing/2014/main" id="{FB9C4B62-9BE1-43D7-805E-498F0E185982}"/>
                </a:ext>
              </a:extLst>
            </p:cNvPr>
            <p:cNvSpPr/>
            <p:nvPr/>
          </p:nvSpPr>
          <p:spPr>
            <a:xfrm>
              <a:off x="4226936" y="4420998"/>
              <a:ext cx="1076264" cy="168701"/>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2400"/>
            </a:p>
          </p:txBody>
        </p:sp>
        <p:sp>
          <p:nvSpPr>
            <p:cNvPr id="26" name="Rectangle 83">
              <a:extLst>
                <a:ext uri="{FF2B5EF4-FFF2-40B4-BE49-F238E27FC236}">
                  <a16:creationId xmlns:a16="http://schemas.microsoft.com/office/drawing/2014/main" id="{21A7A64B-CB56-4E42-8B5A-4F68F361B0D1}"/>
                </a:ext>
              </a:extLst>
            </p:cNvPr>
            <p:cNvSpPr/>
            <p:nvPr/>
          </p:nvSpPr>
          <p:spPr>
            <a:xfrm>
              <a:off x="4205676" y="4107138"/>
              <a:ext cx="1103869" cy="482561"/>
            </a:xfrm>
            <a:prstGeom prst="rect">
              <a:avLst/>
            </a:prstGeom>
            <a:solidFill>
              <a:schemeClr val="accent6">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noProof="1">
                  <a:solidFill>
                    <a:schemeClr val="tx1"/>
                  </a:solidFill>
                </a:rPr>
                <a:t>Oruç </a:t>
              </a:r>
              <a:endParaRPr lang="en-US" sz="4000" noProof="1">
                <a:solidFill>
                  <a:schemeClr val="tx1"/>
                </a:solidFill>
              </a:endParaRPr>
            </a:p>
          </p:txBody>
        </p:sp>
        <p:sp>
          <p:nvSpPr>
            <p:cNvPr id="27" name="Rectangle 84">
              <a:extLst>
                <a:ext uri="{FF2B5EF4-FFF2-40B4-BE49-F238E27FC236}">
                  <a16:creationId xmlns:a16="http://schemas.microsoft.com/office/drawing/2014/main" id="{BAE4A658-CB7A-4570-B942-DCBDDDCAAD0A}"/>
                </a:ext>
              </a:extLst>
            </p:cNvPr>
            <p:cNvSpPr/>
            <p:nvPr/>
          </p:nvSpPr>
          <p:spPr>
            <a:xfrm rot="16200000">
              <a:off x="4104137" y="4208676"/>
              <a:ext cx="482559" cy="27947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2400"/>
            </a:p>
          </p:txBody>
        </p:sp>
      </p:grpSp>
      <p:grpSp>
        <p:nvGrpSpPr>
          <p:cNvPr id="28" name="Group 81">
            <a:extLst>
              <a:ext uri="{FF2B5EF4-FFF2-40B4-BE49-F238E27FC236}">
                <a16:creationId xmlns:a16="http://schemas.microsoft.com/office/drawing/2014/main" id="{448F8F48-CF04-4057-A9C5-91ECFDCE3BA1}"/>
              </a:ext>
            </a:extLst>
          </p:cNvPr>
          <p:cNvGrpSpPr/>
          <p:nvPr/>
        </p:nvGrpSpPr>
        <p:grpSpPr>
          <a:xfrm rot="1385479">
            <a:off x="7046230" y="3434419"/>
            <a:ext cx="2370028" cy="719188"/>
            <a:chOff x="4205676" y="4107135"/>
            <a:chExt cx="1103869" cy="482564"/>
          </a:xfrm>
        </p:grpSpPr>
        <p:sp>
          <p:nvSpPr>
            <p:cNvPr id="29" name="Freeform: Shape 82">
              <a:extLst>
                <a:ext uri="{FF2B5EF4-FFF2-40B4-BE49-F238E27FC236}">
                  <a16:creationId xmlns:a16="http://schemas.microsoft.com/office/drawing/2014/main" id="{FB9C4B62-9BE1-43D7-805E-498F0E185982}"/>
                </a:ext>
              </a:extLst>
            </p:cNvPr>
            <p:cNvSpPr/>
            <p:nvPr/>
          </p:nvSpPr>
          <p:spPr>
            <a:xfrm>
              <a:off x="4226936" y="4420998"/>
              <a:ext cx="1076264" cy="168701"/>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2400"/>
            </a:p>
          </p:txBody>
        </p:sp>
        <p:sp>
          <p:nvSpPr>
            <p:cNvPr id="30" name="Rectangle 83">
              <a:extLst>
                <a:ext uri="{FF2B5EF4-FFF2-40B4-BE49-F238E27FC236}">
                  <a16:creationId xmlns:a16="http://schemas.microsoft.com/office/drawing/2014/main" id="{21A7A64B-CB56-4E42-8B5A-4F68F361B0D1}"/>
                </a:ext>
              </a:extLst>
            </p:cNvPr>
            <p:cNvSpPr/>
            <p:nvPr/>
          </p:nvSpPr>
          <p:spPr>
            <a:xfrm>
              <a:off x="4205676" y="4107138"/>
              <a:ext cx="1103869" cy="482561"/>
            </a:xfrm>
            <a:prstGeom prst="rect">
              <a:avLst/>
            </a:prstGeom>
            <a:solidFill>
              <a:schemeClr val="accent6">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noProof="1">
                  <a:solidFill>
                    <a:schemeClr val="tx1"/>
                  </a:solidFill>
                </a:rPr>
                <a:t>Adalet </a:t>
              </a:r>
              <a:endParaRPr lang="en-US" sz="4000" noProof="1">
                <a:solidFill>
                  <a:schemeClr val="tx1"/>
                </a:solidFill>
              </a:endParaRPr>
            </a:p>
          </p:txBody>
        </p:sp>
        <p:sp>
          <p:nvSpPr>
            <p:cNvPr id="31" name="Rectangle 84">
              <a:extLst>
                <a:ext uri="{FF2B5EF4-FFF2-40B4-BE49-F238E27FC236}">
                  <a16:creationId xmlns:a16="http://schemas.microsoft.com/office/drawing/2014/main" id="{BAE4A658-CB7A-4570-B942-DCBDDDCAAD0A}"/>
                </a:ext>
              </a:extLst>
            </p:cNvPr>
            <p:cNvSpPr/>
            <p:nvPr/>
          </p:nvSpPr>
          <p:spPr>
            <a:xfrm rot="16200000">
              <a:off x="4053369" y="4259443"/>
              <a:ext cx="482559" cy="177943"/>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2400"/>
            </a:p>
          </p:txBody>
        </p:sp>
      </p:grpSp>
      <p:grpSp>
        <p:nvGrpSpPr>
          <p:cNvPr id="32" name="Group 81">
            <a:extLst>
              <a:ext uri="{FF2B5EF4-FFF2-40B4-BE49-F238E27FC236}">
                <a16:creationId xmlns:a16="http://schemas.microsoft.com/office/drawing/2014/main" id="{448F8F48-CF04-4057-A9C5-91ECFDCE3BA1}"/>
              </a:ext>
            </a:extLst>
          </p:cNvPr>
          <p:cNvGrpSpPr/>
          <p:nvPr/>
        </p:nvGrpSpPr>
        <p:grpSpPr>
          <a:xfrm rot="20771674">
            <a:off x="7083818" y="5023841"/>
            <a:ext cx="2370028" cy="719188"/>
            <a:chOff x="4205676" y="4107135"/>
            <a:chExt cx="1103869" cy="482564"/>
          </a:xfrm>
        </p:grpSpPr>
        <p:sp>
          <p:nvSpPr>
            <p:cNvPr id="33" name="Freeform: Shape 82">
              <a:extLst>
                <a:ext uri="{FF2B5EF4-FFF2-40B4-BE49-F238E27FC236}">
                  <a16:creationId xmlns:a16="http://schemas.microsoft.com/office/drawing/2014/main" id="{FB9C4B62-9BE1-43D7-805E-498F0E185982}"/>
                </a:ext>
              </a:extLst>
            </p:cNvPr>
            <p:cNvSpPr/>
            <p:nvPr/>
          </p:nvSpPr>
          <p:spPr>
            <a:xfrm>
              <a:off x="4226936" y="4420998"/>
              <a:ext cx="1076264" cy="168701"/>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2400"/>
            </a:p>
          </p:txBody>
        </p:sp>
        <p:sp>
          <p:nvSpPr>
            <p:cNvPr id="34" name="Rectangle 83">
              <a:extLst>
                <a:ext uri="{FF2B5EF4-FFF2-40B4-BE49-F238E27FC236}">
                  <a16:creationId xmlns:a16="http://schemas.microsoft.com/office/drawing/2014/main" id="{21A7A64B-CB56-4E42-8B5A-4F68F361B0D1}"/>
                </a:ext>
              </a:extLst>
            </p:cNvPr>
            <p:cNvSpPr/>
            <p:nvPr/>
          </p:nvSpPr>
          <p:spPr>
            <a:xfrm>
              <a:off x="4205676" y="4107138"/>
              <a:ext cx="1103869" cy="482561"/>
            </a:xfrm>
            <a:prstGeom prst="rect">
              <a:avLst/>
            </a:prstGeom>
            <a:solidFill>
              <a:schemeClr val="accent5">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noProof="1">
                  <a:solidFill>
                    <a:schemeClr val="tx1"/>
                  </a:solidFill>
                </a:rPr>
                <a:t>Paylaşma </a:t>
              </a:r>
              <a:endParaRPr lang="en-US" sz="4000" noProof="1">
                <a:solidFill>
                  <a:schemeClr val="tx1"/>
                </a:solidFill>
              </a:endParaRPr>
            </a:p>
          </p:txBody>
        </p:sp>
        <p:sp>
          <p:nvSpPr>
            <p:cNvPr id="35" name="Rectangle 84">
              <a:extLst>
                <a:ext uri="{FF2B5EF4-FFF2-40B4-BE49-F238E27FC236}">
                  <a16:creationId xmlns:a16="http://schemas.microsoft.com/office/drawing/2014/main" id="{BAE4A658-CB7A-4570-B942-DCBDDDCAAD0A}"/>
                </a:ext>
              </a:extLst>
            </p:cNvPr>
            <p:cNvSpPr/>
            <p:nvPr/>
          </p:nvSpPr>
          <p:spPr>
            <a:xfrm rot="16200000">
              <a:off x="4053369" y="4259443"/>
              <a:ext cx="482559" cy="177943"/>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2400"/>
            </a:p>
          </p:txBody>
        </p:sp>
      </p:grpSp>
      <p:grpSp>
        <p:nvGrpSpPr>
          <p:cNvPr id="36" name="Group 48">
            <a:extLst>
              <a:ext uri="{FF2B5EF4-FFF2-40B4-BE49-F238E27FC236}">
                <a16:creationId xmlns:a16="http://schemas.microsoft.com/office/drawing/2014/main" id="{E075F8DB-8BAD-44EE-9FDD-EADF057445A6}"/>
              </a:ext>
            </a:extLst>
          </p:cNvPr>
          <p:cNvGrpSpPr/>
          <p:nvPr/>
        </p:nvGrpSpPr>
        <p:grpSpPr>
          <a:xfrm rot="788455">
            <a:off x="9619806" y="3534631"/>
            <a:ext cx="2140508" cy="865896"/>
            <a:chOff x="4205677" y="4107137"/>
            <a:chExt cx="1454725" cy="544716"/>
          </a:xfrm>
        </p:grpSpPr>
        <p:sp>
          <p:nvSpPr>
            <p:cNvPr id="37" name="Freeform: Shape 49">
              <a:extLst>
                <a:ext uri="{FF2B5EF4-FFF2-40B4-BE49-F238E27FC236}">
                  <a16:creationId xmlns:a16="http://schemas.microsoft.com/office/drawing/2014/main" id="{2AC59A70-4F5B-41CE-8FA3-2CA95D2F18D8}"/>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8" name="Rectangle 50">
              <a:extLst>
                <a:ext uri="{FF2B5EF4-FFF2-40B4-BE49-F238E27FC236}">
                  <a16:creationId xmlns:a16="http://schemas.microsoft.com/office/drawing/2014/main" id="{463A0335-306A-4629-AE3E-8397D4A893A3}"/>
                </a:ext>
              </a:extLst>
            </p:cNvPr>
            <p:cNvSpPr/>
            <p:nvPr/>
          </p:nvSpPr>
          <p:spPr>
            <a:xfrm>
              <a:off x="4205677" y="4107137"/>
              <a:ext cx="1454725" cy="544716"/>
            </a:xfrm>
            <a:prstGeom prst="rect">
              <a:avLst/>
            </a:prstGeom>
            <a:solidFill>
              <a:schemeClr val="accent5">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tx1"/>
                  </a:solidFill>
                </a:rPr>
                <a:t>Çevreyi korumak</a:t>
              </a:r>
              <a:endParaRPr lang="en-US" sz="3200" noProof="1">
                <a:solidFill>
                  <a:schemeClr val="tx1"/>
                </a:solidFill>
              </a:endParaRPr>
            </a:p>
          </p:txBody>
        </p:sp>
      </p:grpSp>
    </p:spTree>
    <p:custDataLst>
      <p:tags r:id="rId1"/>
    </p:custDataLst>
    <p:extLst>
      <p:ext uri="{BB962C8B-B14F-4D97-AF65-F5344CB8AC3E}">
        <p14:creationId xmlns:p14="http://schemas.microsoft.com/office/powerpoint/2010/main" val="15222466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23"/>
                                        </p:tgtEl>
                                        <p:attrNameLst>
                                          <p:attrName>style.visibility</p:attrName>
                                        </p:attrNameLst>
                                      </p:cBhvr>
                                      <p:to>
                                        <p:strVal val="visible"/>
                                      </p:to>
                                    </p:set>
                                    <p:animEffect transition="in" filter="wipe(left)">
                                      <p:cBhvr>
                                        <p:cTn id="12" dur="500"/>
                                        <p:tgtEl>
                                          <p:spTgt spid="23"/>
                                        </p:tgtEl>
                                      </p:cBhvr>
                                    </p:animEffect>
                                  </p:childTnLst>
                                </p:cTn>
                              </p:par>
                            </p:childTnLst>
                          </p:cTn>
                        </p:par>
                        <p:par>
                          <p:cTn id="13" fill="hold">
                            <p:stCondLst>
                              <p:cond delay="500"/>
                            </p:stCondLst>
                            <p:childTnLst>
                              <p:par>
                                <p:cTn id="14" presetID="22" presetClass="entr" presetSubtype="8" fill="hold" grpId="0" nodeType="afterEffect">
                                  <p:stCondLst>
                                    <p:cond delay="0"/>
                                  </p:stCondLst>
                                  <p:childTnLst>
                                    <p:set>
                                      <p:cBhvr>
                                        <p:cTn id="15" dur="1" fill="hold">
                                          <p:stCondLst>
                                            <p:cond delay="0"/>
                                          </p:stCondLst>
                                        </p:cTn>
                                        <p:tgtEl>
                                          <p:spTgt spid="7"/>
                                        </p:tgtEl>
                                        <p:attrNameLst>
                                          <p:attrName>style.visibility</p:attrName>
                                        </p:attrNameLst>
                                      </p:cBhvr>
                                      <p:to>
                                        <p:strVal val="visible"/>
                                      </p:to>
                                    </p:set>
                                    <p:animEffect transition="in" filter="wipe(left)">
                                      <p:cBhvr>
                                        <p:cTn id="16" dur="500"/>
                                        <p:tgtEl>
                                          <p:spTgt spid="7"/>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4" fill="hold" nodeType="clickEffect">
                                  <p:stCondLst>
                                    <p:cond delay="0"/>
                                  </p:stCondLst>
                                  <p:childTnLst>
                                    <p:set>
                                      <p:cBhvr>
                                        <p:cTn id="20" dur="1" fill="hold">
                                          <p:stCondLst>
                                            <p:cond delay="0"/>
                                          </p:stCondLst>
                                        </p:cTn>
                                        <p:tgtEl>
                                          <p:spTgt spid="12"/>
                                        </p:tgtEl>
                                        <p:attrNameLst>
                                          <p:attrName>style.visibility</p:attrName>
                                        </p:attrNameLst>
                                      </p:cBhvr>
                                      <p:to>
                                        <p:strVal val="visible"/>
                                      </p:to>
                                    </p:set>
                                    <p:animEffect transition="in" filter="wipe(down)">
                                      <p:cBhvr>
                                        <p:cTn id="21" dur="500"/>
                                        <p:tgtEl>
                                          <p:spTgt spid="12"/>
                                        </p:tgtEl>
                                      </p:cBhvr>
                                    </p:animEffect>
                                  </p:childTnLst>
                                </p:cTn>
                              </p:par>
                            </p:childTnLst>
                          </p:cTn>
                        </p:par>
                      </p:childTnLst>
                    </p:cTn>
                  </p:par>
                  <p:par>
                    <p:cTn id="22" fill="hold">
                      <p:stCondLst>
                        <p:cond delay="indefinite"/>
                      </p:stCondLst>
                      <p:childTnLst>
                        <p:par>
                          <p:cTn id="23" fill="hold">
                            <p:stCondLst>
                              <p:cond delay="0"/>
                            </p:stCondLst>
                            <p:childTnLst>
                              <p:par>
                                <p:cTn id="24" presetID="22" presetClass="entr" presetSubtype="4" fill="hold" nodeType="clickEffect">
                                  <p:stCondLst>
                                    <p:cond delay="0"/>
                                  </p:stCondLst>
                                  <p:childTnLst>
                                    <p:set>
                                      <p:cBhvr>
                                        <p:cTn id="25" dur="1" fill="hold">
                                          <p:stCondLst>
                                            <p:cond delay="0"/>
                                          </p:stCondLst>
                                        </p:cTn>
                                        <p:tgtEl>
                                          <p:spTgt spid="15"/>
                                        </p:tgtEl>
                                        <p:attrNameLst>
                                          <p:attrName>style.visibility</p:attrName>
                                        </p:attrNameLst>
                                      </p:cBhvr>
                                      <p:to>
                                        <p:strVal val="visible"/>
                                      </p:to>
                                    </p:set>
                                    <p:animEffect transition="in" filter="wipe(down)">
                                      <p:cBhvr>
                                        <p:cTn id="26" dur="500"/>
                                        <p:tgtEl>
                                          <p:spTgt spid="15"/>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8" fill="hold" nodeType="clickEffect">
                                  <p:stCondLst>
                                    <p:cond delay="0"/>
                                  </p:stCondLst>
                                  <p:childTnLst>
                                    <p:set>
                                      <p:cBhvr>
                                        <p:cTn id="30" dur="1" fill="hold">
                                          <p:stCondLst>
                                            <p:cond delay="0"/>
                                          </p:stCondLst>
                                        </p:cTn>
                                        <p:tgtEl>
                                          <p:spTgt spid="19"/>
                                        </p:tgtEl>
                                        <p:attrNameLst>
                                          <p:attrName>style.visibility</p:attrName>
                                        </p:attrNameLst>
                                      </p:cBhvr>
                                      <p:to>
                                        <p:strVal val="visible"/>
                                      </p:to>
                                    </p:set>
                                    <p:animEffect transition="in" filter="wipe(left)">
                                      <p:cBhvr>
                                        <p:cTn id="31" dur="500"/>
                                        <p:tgtEl>
                                          <p:spTgt spid="19"/>
                                        </p:tgtEl>
                                      </p:cBhvr>
                                    </p:animEffect>
                                  </p:childTnLst>
                                </p:cTn>
                              </p:par>
                            </p:childTnLst>
                          </p:cTn>
                        </p:par>
                      </p:childTnLst>
                    </p:cTn>
                  </p:par>
                  <p:par>
                    <p:cTn id="32" fill="hold">
                      <p:stCondLst>
                        <p:cond delay="indefinite"/>
                      </p:stCondLst>
                      <p:childTnLst>
                        <p:par>
                          <p:cTn id="33" fill="hold">
                            <p:stCondLst>
                              <p:cond delay="0"/>
                            </p:stCondLst>
                            <p:childTnLst>
                              <p:par>
                                <p:cTn id="34" presetID="22" presetClass="entr" presetSubtype="8" fill="hold" nodeType="clickEffect">
                                  <p:stCondLst>
                                    <p:cond delay="0"/>
                                  </p:stCondLst>
                                  <p:childTnLst>
                                    <p:set>
                                      <p:cBhvr>
                                        <p:cTn id="35" dur="1" fill="hold">
                                          <p:stCondLst>
                                            <p:cond delay="0"/>
                                          </p:stCondLst>
                                        </p:cTn>
                                        <p:tgtEl>
                                          <p:spTgt spid="24"/>
                                        </p:tgtEl>
                                        <p:attrNameLst>
                                          <p:attrName>style.visibility</p:attrName>
                                        </p:attrNameLst>
                                      </p:cBhvr>
                                      <p:to>
                                        <p:strVal val="visible"/>
                                      </p:to>
                                    </p:set>
                                    <p:animEffect transition="in" filter="wipe(left)">
                                      <p:cBhvr>
                                        <p:cTn id="36" dur="500"/>
                                        <p:tgtEl>
                                          <p:spTgt spid="24"/>
                                        </p:tgtEl>
                                      </p:cBhvr>
                                    </p:animEffect>
                                  </p:childTnLst>
                                </p:cTn>
                              </p:par>
                            </p:childTnLst>
                          </p:cTn>
                        </p:par>
                      </p:childTnLst>
                    </p:cTn>
                  </p:par>
                  <p:par>
                    <p:cTn id="37" fill="hold">
                      <p:stCondLst>
                        <p:cond delay="indefinite"/>
                      </p:stCondLst>
                      <p:childTnLst>
                        <p:par>
                          <p:cTn id="38" fill="hold">
                            <p:stCondLst>
                              <p:cond delay="0"/>
                            </p:stCondLst>
                            <p:childTnLst>
                              <p:par>
                                <p:cTn id="39" presetID="22" presetClass="entr" presetSubtype="8" fill="hold" nodeType="clickEffect">
                                  <p:stCondLst>
                                    <p:cond delay="0"/>
                                  </p:stCondLst>
                                  <p:childTnLst>
                                    <p:set>
                                      <p:cBhvr>
                                        <p:cTn id="40" dur="1" fill="hold">
                                          <p:stCondLst>
                                            <p:cond delay="0"/>
                                          </p:stCondLst>
                                        </p:cTn>
                                        <p:tgtEl>
                                          <p:spTgt spid="28"/>
                                        </p:tgtEl>
                                        <p:attrNameLst>
                                          <p:attrName>style.visibility</p:attrName>
                                        </p:attrNameLst>
                                      </p:cBhvr>
                                      <p:to>
                                        <p:strVal val="visible"/>
                                      </p:to>
                                    </p:set>
                                    <p:animEffect transition="in" filter="wipe(left)">
                                      <p:cBhvr>
                                        <p:cTn id="41" dur="500"/>
                                        <p:tgtEl>
                                          <p:spTgt spid="28"/>
                                        </p:tgtEl>
                                      </p:cBhvr>
                                    </p:animEffect>
                                  </p:childTnLst>
                                </p:cTn>
                              </p:par>
                            </p:childTnLst>
                          </p:cTn>
                        </p:par>
                      </p:childTnLst>
                    </p:cTn>
                  </p:par>
                  <p:par>
                    <p:cTn id="42" fill="hold">
                      <p:stCondLst>
                        <p:cond delay="indefinite"/>
                      </p:stCondLst>
                      <p:childTnLst>
                        <p:par>
                          <p:cTn id="43" fill="hold">
                            <p:stCondLst>
                              <p:cond delay="0"/>
                            </p:stCondLst>
                            <p:childTnLst>
                              <p:par>
                                <p:cTn id="44" presetID="22" presetClass="entr" presetSubtype="8" fill="hold" nodeType="clickEffect">
                                  <p:stCondLst>
                                    <p:cond delay="0"/>
                                  </p:stCondLst>
                                  <p:childTnLst>
                                    <p:set>
                                      <p:cBhvr>
                                        <p:cTn id="45" dur="1" fill="hold">
                                          <p:stCondLst>
                                            <p:cond delay="0"/>
                                          </p:stCondLst>
                                        </p:cTn>
                                        <p:tgtEl>
                                          <p:spTgt spid="32"/>
                                        </p:tgtEl>
                                        <p:attrNameLst>
                                          <p:attrName>style.visibility</p:attrName>
                                        </p:attrNameLst>
                                      </p:cBhvr>
                                      <p:to>
                                        <p:strVal val="visible"/>
                                      </p:to>
                                    </p:set>
                                    <p:animEffect transition="in" filter="wipe(left)">
                                      <p:cBhvr>
                                        <p:cTn id="46" dur="500"/>
                                        <p:tgtEl>
                                          <p:spTgt spid="32"/>
                                        </p:tgtEl>
                                      </p:cBhvr>
                                    </p:animEffect>
                                  </p:childTnLst>
                                </p:cTn>
                              </p:par>
                            </p:childTnLst>
                          </p:cTn>
                        </p:par>
                      </p:childTnLst>
                    </p:cTn>
                  </p:par>
                  <p:par>
                    <p:cTn id="47" fill="hold">
                      <p:stCondLst>
                        <p:cond delay="indefinite"/>
                      </p:stCondLst>
                      <p:childTnLst>
                        <p:par>
                          <p:cTn id="48" fill="hold">
                            <p:stCondLst>
                              <p:cond delay="0"/>
                            </p:stCondLst>
                            <p:childTnLst>
                              <p:par>
                                <p:cTn id="49" presetID="22" presetClass="entr" presetSubtype="4" fill="hold" nodeType="clickEffect">
                                  <p:stCondLst>
                                    <p:cond delay="0"/>
                                  </p:stCondLst>
                                  <p:childTnLst>
                                    <p:set>
                                      <p:cBhvr>
                                        <p:cTn id="50" dur="1" fill="hold">
                                          <p:stCondLst>
                                            <p:cond delay="0"/>
                                          </p:stCondLst>
                                        </p:cTn>
                                        <p:tgtEl>
                                          <p:spTgt spid="36"/>
                                        </p:tgtEl>
                                        <p:attrNameLst>
                                          <p:attrName>style.visibility</p:attrName>
                                        </p:attrNameLst>
                                      </p:cBhvr>
                                      <p:to>
                                        <p:strVal val="visible"/>
                                      </p:to>
                                    </p:set>
                                    <p:animEffect transition="in" filter="wipe(down)">
                                      <p:cBhvr>
                                        <p:cTn id="51" dur="500"/>
                                        <p:tgtEl>
                                          <p:spTgt spid="36"/>
                                        </p:tgtEl>
                                      </p:cBhvr>
                                    </p:animEffect>
                                  </p:childTnLst>
                                </p:cTn>
                              </p:par>
                            </p:childTnLst>
                          </p:cTn>
                        </p:par>
                      </p:childTnLst>
                    </p:cTn>
                  </p:par>
                  <p:par>
                    <p:cTn id="52" fill="hold">
                      <p:stCondLst>
                        <p:cond delay="indefinite"/>
                      </p:stCondLst>
                      <p:childTnLst>
                        <p:par>
                          <p:cTn id="53" fill="hold">
                            <p:stCondLst>
                              <p:cond delay="0"/>
                            </p:stCondLst>
                            <p:childTnLst>
                              <p:par>
                                <p:cTn id="54" presetID="22" presetClass="entr" presetSubtype="8" fill="hold" nodeType="clickEffect">
                                  <p:stCondLst>
                                    <p:cond delay="0"/>
                                  </p:stCondLst>
                                  <p:childTnLst>
                                    <p:set>
                                      <p:cBhvr>
                                        <p:cTn id="55" dur="1" fill="hold">
                                          <p:stCondLst>
                                            <p:cond delay="0"/>
                                          </p:stCondLst>
                                        </p:cTn>
                                        <p:tgtEl>
                                          <p:spTgt spid="8"/>
                                        </p:tgtEl>
                                        <p:attrNameLst>
                                          <p:attrName>style.visibility</p:attrName>
                                        </p:attrNameLst>
                                      </p:cBhvr>
                                      <p:to>
                                        <p:strVal val="visible"/>
                                      </p:to>
                                    </p:set>
                                    <p:animEffect transition="in" filter="wipe(left)">
                                      <p:cBhvr>
                                        <p:cTn id="56"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7" grpId="0" animBg="1"/>
      <p:bldP spid="23"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8" name="Grup 97"/>
          <p:cNvGrpSpPr/>
          <p:nvPr/>
        </p:nvGrpSpPr>
        <p:grpSpPr>
          <a:xfrm>
            <a:off x="3497177" y="3134285"/>
            <a:ext cx="2243561" cy="228482"/>
            <a:chOff x="3497177" y="3134285"/>
            <a:chExt cx="2243561" cy="228482"/>
          </a:xfrm>
        </p:grpSpPr>
        <p:cxnSp>
          <p:nvCxnSpPr>
            <p:cNvPr id="79" name="Düz Bağlayıcı 78"/>
            <p:cNvCxnSpPr>
              <a:stCxn id="2" idx="6"/>
            </p:cNvCxnSpPr>
            <p:nvPr/>
          </p:nvCxnSpPr>
          <p:spPr>
            <a:xfrm>
              <a:off x="3497177" y="3240506"/>
              <a:ext cx="2198503" cy="17040"/>
            </a:xfrm>
            <a:prstGeom prst="line">
              <a:avLst/>
            </a:prstGeom>
            <a:ln w="38100">
              <a:solidFill>
                <a:schemeClr val="accent1">
                  <a:lumMod val="75000"/>
                </a:schemeClr>
              </a:solidFill>
            </a:ln>
          </p:spPr>
          <p:style>
            <a:lnRef idx="1">
              <a:schemeClr val="accent1"/>
            </a:lnRef>
            <a:fillRef idx="0">
              <a:schemeClr val="accent1"/>
            </a:fillRef>
            <a:effectRef idx="0">
              <a:schemeClr val="accent1"/>
            </a:effectRef>
            <a:fontRef idx="minor">
              <a:schemeClr val="tx1"/>
            </a:fontRef>
          </p:style>
        </p:cxnSp>
        <p:sp>
          <p:nvSpPr>
            <p:cNvPr id="77" name="Oval 76"/>
            <p:cNvSpPr/>
            <p:nvPr/>
          </p:nvSpPr>
          <p:spPr>
            <a:xfrm>
              <a:off x="5593544" y="3134285"/>
              <a:ext cx="147194" cy="228482"/>
            </a:xfrm>
            <a:prstGeom prst="ellipse">
              <a:avLst/>
            </a:prstGeom>
            <a:solidFill>
              <a:srgbClr val="2E75B6"/>
            </a:solidFill>
            <a:ln>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grpSp>
      <p:grpSp>
        <p:nvGrpSpPr>
          <p:cNvPr id="99" name="Grup 98"/>
          <p:cNvGrpSpPr/>
          <p:nvPr/>
        </p:nvGrpSpPr>
        <p:grpSpPr>
          <a:xfrm>
            <a:off x="3320714" y="3688158"/>
            <a:ext cx="2427967" cy="1182721"/>
            <a:chOff x="3320714" y="3688158"/>
            <a:chExt cx="2427967" cy="1182721"/>
          </a:xfrm>
        </p:grpSpPr>
        <p:grpSp>
          <p:nvGrpSpPr>
            <p:cNvPr id="45" name="Grup 44"/>
            <p:cNvGrpSpPr/>
            <p:nvPr/>
          </p:nvGrpSpPr>
          <p:grpSpPr>
            <a:xfrm flipV="1">
              <a:off x="3320714" y="3688158"/>
              <a:ext cx="2392857" cy="1068479"/>
              <a:chOff x="3204287" y="1114926"/>
              <a:chExt cx="3620624" cy="441158"/>
            </a:xfrm>
          </p:grpSpPr>
          <p:cxnSp>
            <p:nvCxnSpPr>
              <p:cNvPr id="47" name="Düz Bağlayıcı 46"/>
              <p:cNvCxnSpPr/>
              <p:nvPr/>
            </p:nvCxnSpPr>
            <p:spPr>
              <a:xfrm flipV="1">
                <a:off x="3204287" y="1114926"/>
                <a:ext cx="1030827" cy="441158"/>
              </a:xfrm>
              <a:prstGeom prst="line">
                <a:avLst/>
              </a:prstGeom>
              <a:ln w="38100">
                <a:solidFill>
                  <a:schemeClr val="accent1">
                    <a:lumMod val="75000"/>
                  </a:schemeClr>
                </a:solidFill>
              </a:ln>
            </p:spPr>
            <p:style>
              <a:lnRef idx="1">
                <a:schemeClr val="accent1"/>
              </a:lnRef>
              <a:fillRef idx="0">
                <a:schemeClr val="accent1"/>
              </a:fillRef>
              <a:effectRef idx="0">
                <a:schemeClr val="accent1"/>
              </a:effectRef>
              <a:fontRef idx="minor">
                <a:schemeClr val="tx1"/>
              </a:fontRef>
            </p:style>
          </p:cxnSp>
          <p:cxnSp>
            <p:nvCxnSpPr>
              <p:cNvPr id="48" name="Düz Bağlayıcı 47"/>
              <p:cNvCxnSpPr/>
              <p:nvPr/>
            </p:nvCxnSpPr>
            <p:spPr>
              <a:xfrm flipV="1">
                <a:off x="4194008" y="1117074"/>
                <a:ext cx="2630903" cy="2"/>
              </a:xfrm>
              <a:prstGeom prst="line">
                <a:avLst/>
              </a:prstGeom>
              <a:ln w="38100">
                <a:solidFill>
                  <a:schemeClr val="accent1">
                    <a:lumMod val="75000"/>
                  </a:schemeClr>
                </a:solidFill>
              </a:ln>
            </p:spPr>
            <p:style>
              <a:lnRef idx="1">
                <a:schemeClr val="accent1"/>
              </a:lnRef>
              <a:fillRef idx="0">
                <a:schemeClr val="accent1"/>
              </a:fillRef>
              <a:effectRef idx="0">
                <a:schemeClr val="accent1"/>
              </a:effectRef>
              <a:fontRef idx="minor">
                <a:schemeClr val="tx1"/>
              </a:fontRef>
            </p:style>
          </p:cxnSp>
        </p:grpSp>
        <p:sp>
          <p:nvSpPr>
            <p:cNvPr id="90" name="Oval 89"/>
            <p:cNvSpPr/>
            <p:nvPr/>
          </p:nvSpPr>
          <p:spPr>
            <a:xfrm>
              <a:off x="5601487" y="4642397"/>
              <a:ext cx="147194" cy="228482"/>
            </a:xfrm>
            <a:prstGeom prst="ellipse">
              <a:avLst/>
            </a:prstGeom>
            <a:solidFill>
              <a:srgbClr val="2E75B6"/>
            </a:solidFill>
            <a:ln>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grpSp>
      <p:grpSp>
        <p:nvGrpSpPr>
          <p:cNvPr id="100" name="Grup 99"/>
          <p:cNvGrpSpPr/>
          <p:nvPr/>
        </p:nvGrpSpPr>
        <p:grpSpPr>
          <a:xfrm>
            <a:off x="2699552" y="4697106"/>
            <a:ext cx="3069725" cy="1495791"/>
            <a:chOff x="2699552" y="4697106"/>
            <a:chExt cx="3069725" cy="1495791"/>
          </a:xfrm>
        </p:grpSpPr>
        <p:grpSp>
          <p:nvGrpSpPr>
            <p:cNvPr id="50" name="Grup 49"/>
            <p:cNvGrpSpPr/>
            <p:nvPr/>
          </p:nvGrpSpPr>
          <p:grpSpPr>
            <a:xfrm flipV="1">
              <a:off x="2699552" y="4697106"/>
              <a:ext cx="3036752" cy="1412020"/>
              <a:chOff x="3176335" y="1114927"/>
              <a:chExt cx="3689682" cy="850232"/>
            </a:xfrm>
          </p:grpSpPr>
          <p:cxnSp>
            <p:nvCxnSpPr>
              <p:cNvPr id="52" name="Düz Bağlayıcı 51"/>
              <p:cNvCxnSpPr/>
              <p:nvPr/>
            </p:nvCxnSpPr>
            <p:spPr>
              <a:xfrm flipV="1">
                <a:off x="3176335" y="1114927"/>
                <a:ext cx="1058779" cy="850232"/>
              </a:xfrm>
              <a:prstGeom prst="line">
                <a:avLst/>
              </a:prstGeom>
              <a:ln w="38100">
                <a:solidFill>
                  <a:schemeClr val="accent1">
                    <a:lumMod val="75000"/>
                  </a:schemeClr>
                </a:solidFill>
              </a:ln>
            </p:spPr>
            <p:style>
              <a:lnRef idx="1">
                <a:schemeClr val="accent1"/>
              </a:lnRef>
              <a:fillRef idx="0">
                <a:schemeClr val="accent1"/>
              </a:fillRef>
              <a:effectRef idx="0">
                <a:schemeClr val="accent1"/>
              </a:effectRef>
              <a:fontRef idx="minor">
                <a:schemeClr val="tx1"/>
              </a:fontRef>
            </p:style>
          </p:cxnSp>
          <p:cxnSp>
            <p:nvCxnSpPr>
              <p:cNvPr id="53" name="Düz Bağlayıcı 52"/>
              <p:cNvCxnSpPr/>
              <p:nvPr/>
            </p:nvCxnSpPr>
            <p:spPr>
              <a:xfrm flipV="1">
                <a:off x="4235114" y="1114927"/>
                <a:ext cx="2630903" cy="2"/>
              </a:xfrm>
              <a:prstGeom prst="line">
                <a:avLst/>
              </a:prstGeom>
              <a:ln w="38100">
                <a:solidFill>
                  <a:schemeClr val="accent1">
                    <a:lumMod val="75000"/>
                  </a:schemeClr>
                </a:solidFill>
              </a:ln>
            </p:spPr>
            <p:style>
              <a:lnRef idx="1">
                <a:schemeClr val="accent1"/>
              </a:lnRef>
              <a:fillRef idx="0">
                <a:schemeClr val="accent1"/>
              </a:fillRef>
              <a:effectRef idx="0">
                <a:schemeClr val="accent1"/>
              </a:effectRef>
              <a:fontRef idx="minor">
                <a:schemeClr val="tx1"/>
              </a:fontRef>
            </p:style>
          </p:cxnSp>
        </p:grpSp>
        <p:sp>
          <p:nvSpPr>
            <p:cNvPr id="91" name="Oval 90"/>
            <p:cNvSpPr/>
            <p:nvPr/>
          </p:nvSpPr>
          <p:spPr>
            <a:xfrm>
              <a:off x="5622083" y="5964415"/>
              <a:ext cx="147194" cy="228482"/>
            </a:xfrm>
            <a:prstGeom prst="ellipse">
              <a:avLst/>
            </a:prstGeom>
            <a:solidFill>
              <a:srgbClr val="2E75B6"/>
            </a:solidFill>
            <a:ln>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grpSp>
      <p:grpSp>
        <p:nvGrpSpPr>
          <p:cNvPr id="97" name="Grup 96"/>
          <p:cNvGrpSpPr/>
          <p:nvPr/>
        </p:nvGrpSpPr>
        <p:grpSpPr>
          <a:xfrm>
            <a:off x="3128211" y="1854655"/>
            <a:ext cx="2631496" cy="871033"/>
            <a:chOff x="3128211" y="1854655"/>
            <a:chExt cx="2631496" cy="871033"/>
          </a:xfrm>
        </p:grpSpPr>
        <p:grpSp>
          <p:nvGrpSpPr>
            <p:cNvPr id="31" name="Grup 30"/>
            <p:cNvGrpSpPr/>
            <p:nvPr/>
          </p:nvGrpSpPr>
          <p:grpSpPr>
            <a:xfrm>
              <a:off x="3128211" y="1974245"/>
              <a:ext cx="2608093" cy="751443"/>
              <a:chOff x="3204287" y="1114926"/>
              <a:chExt cx="3629165" cy="441158"/>
            </a:xfrm>
          </p:grpSpPr>
          <p:cxnSp>
            <p:nvCxnSpPr>
              <p:cNvPr id="33" name="Düz Bağlayıcı 32"/>
              <p:cNvCxnSpPr/>
              <p:nvPr/>
            </p:nvCxnSpPr>
            <p:spPr>
              <a:xfrm flipV="1">
                <a:off x="3204287" y="1114926"/>
                <a:ext cx="1030827" cy="441158"/>
              </a:xfrm>
              <a:prstGeom prst="line">
                <a:avLst/>
              </a:prstGeom>
              <a:ln w="38100">
                <a:solidFill>
                  <a:schemeClr val="accent1">
                    <a:lumMod val="75000"/>
                  </a:schemeClr>
                </a:solidFill>
              </a:ln>
            </p:spPr>
            <p:style>
              <a:lnRef idx="1">
                <a:schemeClr val="accent1"/>
              </a:lnRef>
              <a:fillRef idx="0">
                <a:schemeClr val="accent1"/>
              </a:fillRef>
              <a:effectRef idx="0">
                <a:schemeClr val="accent1"/>
              </a:effectRef>
              <a:fontRef idx="minor">
                <a:schemeClr val="tx1"/>
              </a:fontRef>
            </p:style>
          </p:cxnSp>
          <p:cxnSp>
            <p:nvCxnSpPr>
              <p:cNvPr id="34" name="Düz Bağlayıcı 33"/>
              <p:cNvCxnSpPr/>
              <p:nvPr/>
            </p:nvCxnSpPr>
            <p:spPr>
              <a:xfrm flipV="1">
                <a:off x="4202549" y="1121941"/>
                <a:ext cx="2630903" cy="2"/>
              </a:xfrm>
              <a:prstGeom prst="line">
                <a:avLst/>
              </a:prstGeom>
              <a:ln w="38100">
                <a:solidFill>
                  <a:schemeClr val="accent1">
                    <a:lumMod val="75000"/>
                  </a:schemeClr>
                </a:solidFill>
              </a:ln>
            </p:spPr>
            <p:style>
              <a:lnRef idx="1">
                <a:schemeClr val="accent1"/>
              </a:lnRef>
              <a:fillRef idx="0">
                <a:schemeClr val="accent1"/>
              </a:fillRef>
              <a:effectRef idx="0">
                <a:schemeClr val="accent1"/>
              </a:effectRef>
              <a:fontRef idx="minor">
                <a:schemeClr val="tx1"/>
              </a:fontRef>
            </p:style>
          </p:cxnSp>
        </p:grpSp>
        <p:sp>
          <p:nvSpPr>
            <p:cNvPr id="92" name="Oval 91"/>
            <p:cNvSpPr/>
            <p:nvPr/>
          </p:nvSpPr>
          <p:spPr>
            <a:xfrm>
              <a:off x="5612513" y="1854655"/>
              <a:ext cx="147194" cy="228482"/>
            </a:xfrm>
            <a:prstGeom prst="ellipse">
              <a:avLst/>
            </a:prstGeom>
            <a:solidFill>
              <a:srgbClr val="2E75B6"/>
            </a:solidFill>
            <a:ln>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grpSp>
      <p:grpSp>
        <p:nvGrpSpPr>
          <p:cNvPr id="96" name="Grup 95"/>
          <p:cNvGrpSpPr/>
          <p:nvPr/>
        </p:nvGrpSpPr>
        <p:grpSpPr>
          <a:xfrm>
            <a:off x="2486526" y="466127"/>
            <a:ext cx="3240600" cy="1261424"/>
            <a:chOff x="2486526" y="466127"/>
            <a:chExt cx="3240600" cy="1261424"/>
          </a:xfrm>
        </p:grpSpPr>
        <p:grpSp>
          <p:nvGrpSpPr>
            <p:cNvPr id="24" name="Grup 23"/>
            <p:cNvGrpSpPr/>
            <p:nvPr/>
          </p:nvGrpSpPr>
          <p:grpSpPr>
            <a:xfrm>
              <a:off x="2486526" y="597531"/>
              <a:ext cx="3164295" cy="1130020"/>
              <a:chOff x="3176335" y="1114927"/>
              <a:chExt cx="3689682" cy="850232"/>
            </a:xfrm>
          </p:grpSpPr>
          <p:cxnSp>
            <p:nvCxnSpPr>
              <p:cNvPr id="19" name="Düz Bağlayıcı 18"/>
              <p:cNvCxnSpPr/>
              <p:nvPr/>
            </p:nvCxnSpPr>
            <p:spPr>
              <a:xfrm flipV="1">
                <a:off x="3176335" y="1114927"/>
                <a:ext cx="1058779" cy="850232"/>
              </a:xfrm>
              <a:prstGeom prst="line">
                <a:avLst/>
              </a:prstGeom>
              <a:ln w="38100">
                <a:solidFill>
                  <a:schemeClr val="accent1">
                    <a:lumMod val="75000"/>
                  </a:schemeClr>
                </a:solidFill>
              </a:ln>
            </p:spPr>
            <p:style>
              <a:lnRef idx="1">
                <a:schemeClr val="accent1"/>
              </a:lnRef>
              <a:fillRef idx="0">
                <a:schemeClr val="accent1"/>
              </a:fillRef>
              <a:effectRef idx="0">
                <a:schemeClr val="accent1"/>
              </a:effectRef>
              <a:fontRef idx="minor">
                <a:schemeClr val="tx1"/>
              </a:fontRef>
            </p:style>
          </p:cxnSp>
          <p:cxnSp>
            <p:nvCxnSpPr>
              <p:cNvPr id="21" name="Düz Bağlayıcı 20"/>
              <p:cNvCxnSpPr/>
              <p:nvPr/>
            </p:nvCxnSpPr>
            <p:spPr>
              <a:xfrm flipV="1">
                <a:off x="4235114" y="1114927"/>
                <a:ext cx="2630903" cy="2"/>
              </a:xfrm>
              <a:prstGeom prst="line">
                <a:avLst/>
              </a:prstGeom>
              <a:ln w="38100">
                <a:solidFill>
                  <a:schemeClr val="accent1">
                    <a:lumMod val="75000"/>
                  </a:schemeClr>
                </a:solidFill>
              </a:ln>
            </p:spPr>
            <p:style>
              <a:lnRef idx="1">
                <a:schemeClr val="accent1"/>
              </a:lnRef>
              <a:fillRef idx="0">
                <a:schemeClr val="accent1"/>
              </a:fillRef>
              <a:effectRef idx="0">
                <a:schemeClr val="accent1"/>
              </a:effectRef>
              <a:fontRef idx="minor">
                <a:schemeClr val="tx1"/>
              </a:fontRef>
            </p:style>
          </p:cxnSp>
        </p:grpSp>
        <p:sp>
          <p:nvSpPr>
            <p:cNvPr id="93" name="Oval 92"/>
            <p:cNvSpPr/>
            <p:nvPr/>
          </p:nvSpPr>
          <p:spPr>
            <a:xfrm>
              <a:off x="5579932" y="466127"/>
              <a:ext cx="147194" cy="228482"/>
            </a:xfrm>
            <a:prstGeom prst="ellipse">
              <a:avLst/>
            </a:prstGeom>
            <a:solidFill>
              <a:srgbClr val="2E75B6"/>
            </a:solidFill>
            <a:ln>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grpSp>
      <p:grpSp>
        <p:nvGrpSpPr>
          <p:cNvPr id="95" name="Grup 94"/>
          <p:cNvGrpSpPr/>
          <p:nvPr/>
        </p:nvGrpSpPr>
        <p:grpSpPr>
          <a:xfrm>
            <a:off x="0" y="1556085"/>
            <a:ext cx="3497177" cy="3368842"/>
            <a:chOff x="0" y="1556085"/>
            <a:chExt cx="3497177" cy="3368842"/>
          </a:xfrm>
        </p:grpSpPr>
        <p:sp>
          <p:nvSpPr>
            <p:cNvPr id="2" name="Oval 1"/>
            <p:cNvSpPr/>
            <p:nvPr/>
          </p:nvSpPr>
          <p:spPr>
            <a:xfrm>
              <a:off x="0" y="1556085"/>
              <a:ext cx="3497177" cy="3368842"/>
            </a:xfrm>
            <a:prstGeom prst="ellipse">
              <a:avLst/>
            </a:prstGeom>
            <a:solidFill>
              <a:schemeClr val="bg1"/>
            </a:solidFill>
            <a:ln w="57150">
              <a:gradFill>
                <a:gsLst>
                  <a:gs pos="0">
                    <a:schemeClr val="accent1">
                      <a:lumMod val="5000"/>
                      <a:lumOff val="95000"/>
                    </a:schemeClr>
                  </a:gs>
                  <a:gs pos="1000">
                    <a:schemeClr val="accent1">
                      <a:lumMod val="20000"/>
                      <a:lumOff val="80000"/>
                    </a:schemeClr>
                  </a:gs>
                  <a:gs pos="100000">
                    <a:schemeClr val="accent1">
                      <a:lumMod val="75000"/>
                    </a:schemeClr>
                  </a:gs>
                  <a:gs pos="100000">
                    <a:schemeClr val="accent1">
                      <a:lumMod val="30000"/>
                      <a:lumOff val="70000"/>
                    </a:schemeClr>
                  </a:gs>
                </a:gsLst>
                <a:lin ang="5400000" scaled="1"/>
              </a:gra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3" name="Oval 2"/>
            <p:cNvSpPr/>
            <p:nvPr/>
          </p:nvSpPr>
          <p:spPr>
            <a:xfrm>
              <a:off x="160421" y="1764632"/>
              <a:ext cx="3160293" cy="2967789"/>
            </a:xfrm>
            <a:prstGeom prst="ellipse">
              <a:avLst/>
            </a:prstGeom>
            <a:solidFill>
              <a:schemeClr val="bg1"/>
            </a:solidFill>
            <a:ln w="38100">
              <a:gradFill>
                <a:gsLst>
                  <a:gs pos="0">
                    <a:schemeClr val="accent1">
                      <a:lumMod val="20000"/>
                      <a:lumOff val="80000"/>
                    </a:schemeClr>
                  </a:gs>
                  <a:gs pos="100000">
                    <a:schemeClr val="accent1">
                      <a:lumMod val="60000"/>
                      <a:lumOff val="40000"/>
                    </a:schemeClr>
                  </a:gs>
                  <a:gs pos="100000">
                    <a:schemeClr val="accent1">
                      <a:lumMod val="45000"/>
                      <a:lumOff val="55000"/>
                    </a:schemeClr>
                  </a:gs>
                  <a:gs pos="100000">
                    <a:schemeClr val="accent1">
                      <a:lumMod val="30000"/>
                      <a:lumOff val="70000"/>
                    </a:schemeClr>
                  </a:gs>
                </a:gsLst>
                <a:lin ang="5400000" scaled="1"/>
              </a:gra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400" dirty="0">
                  <a:solidFill>
                    <a:schemeClr val="tx1"/>
                  </a:solidFill>
                </a:rPr>
                <a:t>İbadet</a:t>
              </a:r>
            </a:p>
          </p:txBody>
        </p:sp>
      </p:grpSp>
      <p:grpSp>
        <p:nvGrpSpPr>
          <p:cNvPr id="54" name="Grup 53"/>
          <p:cNvGrpSpPr/>
          <p:nvPr/>
        </p:nvGrpSpPr>
        <p:grpSpPr>
          <a:xfrm>
            <a:off x="5872143" y="124146"/>
            <a:ext cx="5983704" cy="906559"/>
            <a:chOff x="6096000" y="537408"/>
            <a:chExt cx="5983704" cy="1363579"/>
          </a:xfrm>
        </p:grpSpPr>
        <p:sp>
          <p:nvSpPr>
            <p:cNvPr id="29" name="Dikdörtgen 28"/>
            <p:cNvSpPr/>
            <p:nvPr/>
          </p:nvSpPr>
          <p:spPr>
            <a:xfrm>
              <a:off x="6464968" y="537408"/>
              <a:ext cx="5614736"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37" name="Dikdörtgen 36"/>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1</a:t>
              </a:r>
            </a:p>
          </p:txBody>
        </p:sp>
      </p:grpSp>
      <p:sp>
        <p:nvSpPr>
          <p:cNvPr id="58" name="Dikdörtgen 57"/>
          <p:cNvSpPr/>
          <p:nvPr/>
        </p:nvSpPr>
        <p:spPr>
          <a:xfrm>
            <a:off x="6639579" y="273459"/>
            <a:ext cx="5146922" cy="523220"/>
          </a:xfrm>
          <a:prstGeom prst="rect">
            <a:avLst/>
          </a:prstGeom>
        </p:spPr>
        <p:txBody>
          <a:bodyPr wrap="none">
            <a:spAutoFit/>
          </a:bodyPr>
          <a:lstStyle/>
          <a:p>
            <a:r>
              <a:rPr lang="tr-TR" sz="2800" dirty="0"/>
              <a:t>İbadet sadece Allah’a (</a:t>
            </a:r>
            <a:r>
              <a:rPr lang="tr-TR" sz="2800" dirty="0" err="1"/>
              <a:t>c.c</a:t>
            </a:r>
            <a:r>
              <a:rPr lang="tr-TR" sz="2800" dirty="0"/>
              <a:t>.) yapılır. </a:t>
            </a:r>
          </a:p>
        </p:txBody>
      </p:sp>
      <p:grpSp>
        <p:nvGrpSpPr>
          <p:cNvPr id="62" name="Grup 61"/>
          <p:cNvGrpSpPr/>
          <p:nvPr/>
        </p:nvGrpSpPr>
        <p:grpSpPr>
          <a:xfrm>
            <a:off x="5872143" y="1481092"/>
            <a:ext cx="5983704" cy="906559"/>
            <a:chOff x="6096000" y="537408"/>
            <a:chExt cx="5983704" cy="1363579"/>
          </a:xfrm>
        </p:grpSpPr>
        <p:sp>
          <p:nvSpPr>
            <p:cNvPr id="63" name="Dikdörtgen 62"/>
            <p:cNvSpPr/>
            <p:nvPr/>
          </p:nvSpPr>
          <p:spPr>
            <a:xfrm>
              <a:off x="6464968" y="537408"/>
              <a:ext cx="5614736"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64" name="Dikdörtgen 63"/>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2</a:t>
              </a:r>
            </a:p>
          </p:txBody>
        </p:sp>
      </p:grpSp>
      <p:grpSp>
        <p:nvGrpSpPr>
          <p:cNvPr id="65" name="Grup 64"/>
          <p:cNvGrpSpPr/>
          <p:nvPr/>
        </p:nvGrpSpPr>
        <p:grpSpPr>
          <a:xfrm>
            <a:off x="5872143" y="2804266"/>
            <a:ext cx="5983704" cy="906559"/>
            <a:chOff x="6096000" y="537408"/>
            <a:chExt cx="5983704" cy="1363579"/>
          </a:xfrm>
        </p:grpSpPr>
        <p:sp>
          <p:nvSpPr>
            <p:cNvPr id="66" name="Dikdörtgen 65"/>
            <p:cNvSpPr/>
            <p:nvPr/>
          </p:nvSpPr>
          <p:spPr>
            <a:xfrm>
              <a:off x="6464968" y="537408"/>
              <a:ext cx="5614736"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67" name="Dikdörtgen 66"/>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3</a:t>
              </a:r>
            </a:p>
          </p:txBody>
        </p:sp>
      </p:grpSp>
      <p:grpSp>
        <p:nvGrpSpPr>
          <p:cNvPr id="68" name="Grup 67"/>
          <p:cNvGrpSpPr/>
          <p:nvPr/>
        </p:nvGrpSpPr>
        <p:grpSpPr>
          <a:xfrm>
            <a:off x="5872143" y="4194982"/>
            <a:ext cx="5983704" cy="906559"/>
            <a:chOff x="6096000" y="537408"/>
            <a:chExt cx="5983704" cy="1363579"/>
          </a:xfrm>
        </p:grpSpPr>
        <p:sp>
          <p:nvSpPr>
            <p:cNvPr id="69" name="Dikdörtgen 68"/>
            <p:cNvSpPr/>
            <p:nvPr/>
          </p:nvSpPr>
          <p:spPr>
            <a:xfrm>
              <a:off x="6464968" y="537408"/>
              <a:ext cx="5614736"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70" name="Dikdörtgen 69"/>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4</a:t>
              </a:r>
            </a:p>
          </p:txBody>
        </p:sp>
      </p:grpSp>
      <p:grpSp>
        <p:nvGrpSpPr>
          <p:cNvPr id="71" name="Grup 70"/>
          <p:cNvGrpSpPr/>
          <p:nvPr/>
        </p:nvGrpSpPr>
        <p:grpSpPr>
          <a:xfrm>
            <a:off x="5872143" y="5551928"/>
            <a:ext cx="5983704" cy="906559"/>
            <a:chOff x="6096000" y="537408"/>
            <a:chExt cx="5983704" cy="1363579"/>
          </a:xfrm>
        </p:grpSpPr>
        <p:sp>
          <p:nvSpPr>
            <p:cNvPr id="72" name="Dikdörtgen 71"/>
            <p:cNvSpPr/>
            <p:nvPr/>
          </p:nvSpPr>
          <p:spPr>
            <a:xfrm>
              <a:off x="6464968" y="537408"/>
              <a:ext cx="5614736"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73" name="Dikdörtgen 72"/>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5</a:t>
              </a:r>
            </a:p>
          </p:txBody>
        </p:sp>
      </p:grpSp>
      <p:sp>
        <p:nvSpPr>
          <p:cNvPr id="59" name="Dikdörtgen 58"/>
          <p:cNvSpPr/>
          <p:nvPr/>
        </p:nvSpPr>
        <p:spPr>
          <a:xfrm>
            <a:off x="6639579" y="1646137"/>
            <a:ext cx="4775538" cy="523220"/>
          </a:xfrm>
          <a:prstGeom prst="rect">
            <a:avLst/>
          </a:prstGeom>
        </p:spPr>
        <p:txBody>
          <a:bodyPr wrap="none">
            <a:spAutoFit/>
          </a:bodyPr>
          <a:lstStyle/>
          <a:p>
            <a:r>
              <a:rPr lang="tr-TR" sz="2800" dirty="0"/>
              <a:t>İbadet, imanın bir göstergesidir.</a:t>
            </a:r>
          </a:p>
        </p:txBody>
      </p:sp>
      <p:sp>
        <p:nvSpPr>
          <p:cNvPr id="60" name="Dikdörtgen 59"/>
          <p:cNvSpPr/>
          <p:nvPr/>
        </p:nvSpPr>
        <p:spPr>
          <a:xfrm>
            <a:off x="6639579" y="2948118"/>
            <a:ext cx="4921732" cy="584775"/>
          </a:xfrm>
          <a:prstGeom prst="rect">
            <a:avLst/>
          </a:prstGeom>
        </p:spPr>
        <p:txBody>
          <a:bodyPr wrap="none">
            <a:spAutoFit/>
          </a:bodyPr>
          <a:lstStyle/>
          <a:p>
            <a:r>
              <a:rPr lang="tr-TR" sz="3200" dirty="0"/>
              <a:t>İbadetlerde süreklilik esastır.</a:t>
            </a:r>
          </a:p>
        </p:txBody>
      </p:sp>
      <p:sp>
        <p:nvSpPr>
          <p:cNvPr id="61" name="Dikdörtgen 60"/>
          <p:cNvSpPr/>
          <p:nvPr/>
        </p:nvSpPr>
        <p:spPr>
          <a:xfrm>
            <a:off x="6639579" y="4193608"/>
            <a:ext cx="5374840" cy="954107"/>
          </a:xfrm>
          <a:prstGeom prst="rect">
            <a:avLst/>
          </a:prstGeom>
        </p:spPr>
        <p:txBody>
          <a:bodyPr wrap="square">
            <a:spAutoFit/>
          </a:bodyPr>
          <a:lstStyle/>
          <a:p>
            <a:r>
              <a:rPr lang="tr-TR" sz="2800" dirty="0"/>
              <a:t>İbadet etmek insanı Rabbine yakınlaştırır. </a:t>
            </a:r>
          </a:p>
        </p:txBody>
      </p:sp>
      <p:sp>
        <p:nvSpPr>
          <p:cNvPr id="94" name="Dikdörtgen 93"/>
          <p:cNvSpPr/>
          <p:nvPr/>
        </p:nvSpPr>
        <p:spPr>
          <a:xfrm>
            <a:off x="6639579" y="5516782"/>
            <a:ext cx="5159238" cy="954107"/>
          </a:xfrm>
          <a:prstGeom prst="rect">
            <a:avLst/>
          </a:prstGeom>
        </p:spPr>
        <p:txBody>
          <a:bodyPr wrap="square">
            <a:spAutoFit/>
          </a:bodyPr>
          <a:lstStyle/>
          <a:p>
            <a:r>
              <a:rPr lang="tr-TR" sz="2800" dirty="0"/>
              <a:t>İbadet insanın yaratılış amaçlarından birisidir.</a:t>
            </a:r>
          </a:p>
        </p:txBody>
      </p:sp>
    </p:spTree>
    <p:custDataLst>
      <p:tags r:id="rId1"/>
    </p:custDataLst>
    <p:extLst>
      <p:ext uri="{BB962C8B-B14F-4D97-AF65-F5344CB8AC3E}">
        <p14:creationId xmlns:p14="http://schemas.microsoft.com/office/powerpoint/2010/main" val="14403701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95"/>
                                        </p:tgtEl>
                                        <p:attrNameLst>
                                          <p:attrName>style.visibility</p:attrName>
                                        </p:attrNameLst>
                                      </p:cBhvr>
                                      <p:to>
                                        <p:strVal val="visible"/>
                                      </p:to>
                                    </p:set>
                                    <p:animEffect transition="in" filter="wipe(down)">
                                      <p:cBhvr>
                                        <p:cTn id="7" dur="500"/>
                                        <p:tgtEl>
                                          <p:spTgt spid="9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96"/>
                                        </p:tgtEl>
                                        <p:attrNameLst>
                                          <p:attrName>style.visibility</p:attrName>
                                        </p:attrNameLst>
                                      </p:cBhvr>
                                      <p:to>
                                        <p:strVal val="visible"/>
                                      </p:to>
                                    </p:set>
                                    <p:animEffect transition="in" filter="wipe(left)">
                                      <p:cBhvr>
                                        <p:cTn id="12" dur="500"/>
                                        <p:tgtEl>
                                          <p:spTgt spid="96"/>
                                        </p:tgtEl>
                                      </p:cBhvr>
                                    </p:animEffect>
                                  </p:childTnLst>
                                </p:cTn>
                              </p:par>
                            </p:childTnLst>
                          </p:cTn>
                        </p:par>
                        <p:par>
                          <p:cTn id="13" fill="hold">
                            <p:stCondLst>
                              <p:cond delay="500"/>
                            </p:stCondLst>
                            <p:childTnLst>
                              <p:par>
                                <p:cTn id="14" presetID="22" presetClass="entr" presetSubtype="8" fill="hold" nodeType="afterEffect">
                                  <p:stCondLst>
                                    <p:cond delay="0"/>
                                  </p:stCondLst>
                                  <p:childTnLst>
                                    <p:set>
                                      <p:cBhvr>
                                        <p:cTn id="15" dur="1" fill="hold">
                                          <p:stCondLst>
                                            <p:cond delay="0"/>
                                          </p:stCondLst>
                                        </p:cTn>
                                        <p:tgtEl>
                                          <p:spTgt spid="54"/>
                                        </p:tgtEl>
                                        <p:attrNameLst>
                                          <p:attrName>style.visibility</p:attrName>
                                        </p:attrNameLst>
                                      </p:cBhvr>
                                      <p:to>
                                        <p:strVal val="visible"/>
                                      </p:to>
                                    </p:set>
                                    <p:animEffect transition="in" filter="wipe(left)">
                                      <p:cBhvr>
                                        <p:cTn id="16" dur="500"/>
                                        <p:tgtEl>
                                          <p:spTgt spid="54"/>
                                        </p:tgtEl>
                                      </p:cBhvr>
                                    </p:animEffect>
                                  </p:childTnLst>
                                </p:cTn>
                              </p:par>
                            </p:childTnLst>
                          </p:cTn>
                        </p:par>
                        <p:par>
                          <p:cTn id="17" fill="hold">
                            <p:stCondLst>
                              <p:cond delay="1000"/>
                            </p:stCondLst>
                            <p:childTnLst>
                              <p:par>
                                <p:cTn id="18" presetID="22" presetClass="entr" presetSubtype="8" fill="hold" grpId="0" nodeType="afterEffect">
                                  <p:stCondLst>
                                    <p:cond delay="0"/>
                                  </p:stCondLst>
                                  <p:childTnLst>
                                    <p:set>
                                      <p:cBhvr>
                                        <p:cTn id="19" dur="1" fill="hold">
                                          <p:stCondLst>
                                            <p:cond delay="0"/>
                                          </p:stCondLst>
                                        </p:cTn>
                                        <p:tgtEl>
                                          <p:spTgt spid="58"/>
                                        </p:tgtEl>
                                        <p:attrNameLst>
                                          <p:attrName>style.visibility</p:attrName>
                                        </p:attrNameLst>
                                      </p:cBhvr>
                                      <p:to>
                                        <p:strVal val="visible"/>
                                      </p:to>
                                    </p:set>
                                    <p:animEffect transition="in" filter="wipe(left)">
                                      <p:cBhvr>
                                        <p:cTn id="20" dur="500"/>
                                        <p:tgtEl>
                                          <p:spTgt spid="58"/>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nodeType="clickEffect">
                                  <p:stCondLst>
                                    <p:cond delay="0"/>
                                  </p:stCondLst>
                                  <p:childTnLst>
                                    <p:set>
                                      <p:cBhvr>
                                        <p:cTn id="24" dur="1" fill="hold">
                                          <p:stCondLst>
                                            <p:cond delay="0"/>
                                          </p:stCondLst>
                                        </p:cTn>
                                        <p:tgtEl>
                                          <p:spTgt spid="97"/>
                                        </p:tgtEl>
                                        <p:attrNameLst>
                                          <p:attrName>style.visibility</p:attrName>
                                        </p:attrNameLst>
                                      </p:cBhvr>
                                      <p:to>
                                        <p:strVal val="visible"/>
                                      </p:to>
                                    </p:set>
                                    <p:animEffect transition="in" filter="wipe(left)">
                                      <p:cBhvr>
                                        <p:cTn id="25" dur="500"/>
                                        <p:tgtEl>
                                          <p:spTgt spid="97"/>
                                        </p:tgtEl>
                                      </p:cBhvr>
                                    </p:animEffect>
                                  </p:childTnLst>
                                </p:cTn>
                              </p:par>
                            </p:childTnLst>
                          </p:cTn>
                        </p:par>
                        <p:par>
                          <p:cTn id="26" fill="hold">
                            <p:stCondLst>
                              <p:cond delay="500"/>
                            </p:stCondLst>
                            <p:childTnLst>
                              <p:par>
                                <p:cTn id="27" presetID="22" presetClass="entr" presetSubtype="8" fill="hold" nodeType="afterEffect">
                                  <p:stCondLst>
                                    <p:cond delay="0"/>
                                  </p:stCondLst>
                                  <p:childTnLst>
                                    <p:set>
                                      <p:cBhvr>
                                        <p:cTn id="28" dur="1" fill="hold">
                                          <p:stCondLst>
                                            <p:cond delay="0"/>
                                          </p:stCondLst>
                                        </p:cTn>
                                        <p:tgtEl>
                                          <p:spTgt spid="62"/>
                                        </p:tgtEl>
                                        <p:attrNameLst>
                                          <p:attrName>style.visibility</p:attrName>
                                        </p:attrNameLst>
                                      </p:cBhvr>
                                      <p:to>
                                        <p:strVal val="visible"/>
                                      </p:to>
                                    </p:set>
                                    <p:animEffect transition="in" filter="wipe(left)">
                                      <p:cBhvr>
                                        <p:cTn id="29" dur="500"/>
                                        <p:tgtEl>
                                          <p:spTgt spid="62"/>
                                        </p:tgtEl>
                                      </p:cBhvr>
                                    </p:animEffect>
                                  </p:childTnLst>
                                </p:cTn>
                              </p:par>
                            </p:childTnLst>
                          </p:cTn>
                        </p:par>
                        <p:par>
                          <p:cTn id="30" fill="hold">
                            <p:stCondLst>
                              <p:cond delay="1000"/>
                            </p:stCondLst>
                            <p:childTnLst>
                              <p:par>
                                <p:cTn id="31" presetID="22" presetClass="entr" presetSubtype="8" fill="hold" grpId="0" nodeType="afterEffect">
                                  <p:stCondLst>
                                    <p:cond delay="0"/>
                                  </p:stCondLst>
                                  <p:childTnLst>
                                    <p:set>
                                      <p:cBhvr>
                                        <p:cTn id="32" dur="1" fill="hold">
                                          <p:stCondLst>
                                            <p:cond delay="0"/>
                                          </p:stCondLst>
                                        </p:cTn>
                                        <p:tgtEl>
                                          <p:spTgt spid="59"/>
                                        </p:tgtEl>
                                        <p:attrNameLst>
                                          <p:attrName>style.visibility</p:attrName>
                                        </p:attrNameLst>
                                      </p:cBhvr>
                                      <p:to>
                                        <p:strVal val="visible"/>
                                      </p:to>
                                    </p:set>
                                    <p:animEffect transition="in" filter="wipe(left)">
                                      <p:cBhvr>
                                        <p:cTn id="33" dur="500"/>
                                        <p:tgtEl>
                                          <p:spTgt spid="59"/>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8" fill="hold" nodeType="clickEffect">
                                  <p:stCondLst>
                                    <p:cond delay="0"/>
                                  </p:stCondLst>
                                  <p:childTnLst>
                                    <p:set>
                                      <p:cBhvr>
                                        <p:cTn id="37" dur="1" fill="hold">
                                          <p:stCondLst>
                                            <p:cond delay="0"/>
                                          </p:stCondLst>
                                        </p:cTn>
                                        <p:tgtEl>
                                          <p:spTgt spid="98"/>
                                        </p:tgtEl>
                                        <p:attrNameLst>
                                          <p:attrName>style.visibility</p:attrName>
                                        </p:attrNameLst>
                                      </p:cBhvr>
                                      <p:to>
                                        <p:strVal val="visible"/>
                                      </p:to>
                                    </p:set>
                                    <p:animEffect transition="in" filter="wipe(left)">
                                      <p:cBhvr>
                                        <p:cTn id="38" dur="500"/>
                                        <p:tgtEl>
                                          <p:spTgt spid="98"/>
                                        </p:tgtEl>
                                      </p:cBhvr>
                                    </p:animEffect>
                                  </p:childTnLst>
                                </p:cTn>
                              </p:par>
                            </p:childTnLst>
                          </p:cTn>
                        </p:par>
                        <p:par>
                          <p:cTn id="39" fill="hold">
                            <p:stCondLst>
                              <p:cond delay="500"/>
                            </p:stCondLst>
                            <p:childTnLst>
                              <p:par>
                                <p:cTn id="40" presetID="22" presetClass="entr" presetSubtype="8" fill="hold" nodeType="afterEffect">
                                  <p:stCondLst>
                                    <p:cond delay="0"/>
                                  </p:stCondLst>
                                  <p:childTnLst>
                                    <p:set>
                                      <p:cBhvr>
                                        <p:cTn id="41" dur="1" fill="hold">
                                          <p:stCondLst>
                                            <p:cond delay="0"/>
                                          </p:stCondLst>
                                        </p:cTn>
                                        <p:tgtEl>
                                          <p:spTgt spid="65"/>
                                        </p:tgtEl>
                                        <p:attrNameLst>
                                          <p:attrName>style.visibility</p:attrName>
                                        </p:attrNameLst>
                                      </p:cBhvr>
                                      <p:to>
                                        <p:strVal val="visible"/>
                                      </p:to>
                                    </p:set>
                                    <p:animEffect transition="in" filter="wipe(left)">
                                      <p:cBhvr>
                                        <p:cTn id="42" dur="500"/>
                                        <p:tgtEl>
                                          <p:spTgt spid="65"/>
                                        </p:tgtEl>
                                      </p:cBhvr>
                                    </p:animEffect>
                                  </p:childTnLst>
                                </p:cTn>
                              </p:par>
                            </p:childTnLst>
                          </p:cTn>
                        </p:par>
                        <p:par>
                          <p:cTn id="43" fill="hold">
                            <p:stCondLst>
                              <p:cond delay="1000"/>
                            </p:stCondLst>
                            <p:childTnLst>
                              <p:par>
                                <p:cTn id="44" presetID="22" presetClass="entr" presetSubtype="8" fill="hold" grpId="0" nodeType="afterEffect">
                                  <p:stCondLst>
                                    <p:cond delay="0"/>
                                  </p:stCondLst>
                                  <p:childTnLst>
                                    <p:set>
                                      <p:cBhvr>
                                        <p:cTn id="45" dur="1" fill="hold">
                                          <p:stCondLst>
                                            <p:cond delay="0"/>
                                          </p:stCondLst>
                                        </p:cTn>
                                        <p:tgtEl>
                                          <p:spTgt spid="60"/>
                                        </p:tgtEl>
                                        <p:attrNameLst>
                                          <p:attrName>style.visibility</p:attrName>
                                        </p:attrNameLst>
                                      </p:cBhvr>
                                      <p:to>
                                        <p:strVal val="visible"/>
                                      </p:to>
                                    </p:set>
                                    <p:animEffect transition="in" filter="wipe(left)">
                                      <p:cBhvr>
                                        <p:cTn id="46" dur="500"/>
                                        <p:tgtEl>
                                          <p:spTgt spid="60"/>
                                        </p:tgtEl>
                                      </p:cBhvr>
                                    </p:animEffect>
                                  </p:childTnLst>
                                </p:cTn>
                              </p:par>
                            </p:childTnLst>
                          </p:cTn>
                        </p:par>
                      </p:childTnLst>
                    </p:cTn>
                  </p:par>
                  <p:par>
                    <p:cTn id="47" fill="hold">
                      <p:stCondLst>
                        <p:cond delay="indefinite"/>
                      </p:stCondLst>
                      <p:childTnLst>
                        <p:par>
                          <p:cTn id="48" fill="hold">
                            <p:stCondLst>
                              <p:cond delay="0"/>
                            </p:stCondLst>
                            <p:childTnLst>
                              <p:par>
                                <p:cTn id="49" presetID="22" presetClass="entr" presetSubtype="8" fill="hold" nodeType="clickEffect">
                                  <p:stCondLst>
                                    <p:cond delay="0"/>
                                  </p:stCondLst>
                                  <p:childTnLst>
                                    <p:set>
                                      <p:cBhvr>
                                        <p:cTn id="50" dur="1" fill="hold">
                                          <p:stCondLst>
                                            <p:cond delay="0"/>
                                          </p:stCondLst>
                                        </p:cTn>
                                        <p:tgtEl>
                                          <p:spTgt spid="99"/>
                                        </p:tgtEl>
                                        <p:attrNameLst>
                                          <p:attrName>style.visibility</p:attrName>
                                        </p:attrNameLst>
                                      </p:cBhvr>
                                      <p:to>
                                        <p:strVal val="visible"/>
                                      </p:to>
                                    </p:set>
                                    <p:animEffect transition="in" filter="wipe(left)">
                                      <p:cBhvr>
                                        <p:cTn id="51" dur="500"/>
                                        <p:tgtEl>
                                          <p:spTgt spid="99"/>
                                        </p:tgtEl>
                                      </p:cBhvr>
                                    </p:animEffect>
                                  </p:childTnLst>
                                </p:cTn>
                              </p:par>
                            </p:childTnLst>
                          </p:cTn>
                        </p:par>
                        <p:par>
                          <p:cTn id="52" fill="hold">
                            <p:stCondLst>
                              <p:cond delay="500"/>
                            </p:stCondLst>
                            <p:childTnLst>
                              <p:par>
                                <p:cTn id="53" presetID="22" presetClass="entr" presetSubtype="8" fill="hold" nodeType="afterEffect">
                                  <p:stCondLst>
                                    <p:cond delay="0"/>
                                  </p:stCondLst>
                                  <p:childTnLst>
                                    <p:set>
                                      <p:cBhvr>
                                        <p:cTn id="54" dur="1" fill="hold">
                                          <p:stCondLst>
                                            <p:cond delay="0"/>
                                          </p:stCondLst>
                                        </p:cTn>
                                        <p:tgtEl>
                                          <p:spTgt spid="68"/>
                                        </p:tgtEl>
                                        <p:attrNameLst>
                                          <p:attrName>style.visibility</p:attrName>
                                        </p:attrNameLst>
                                      </p:cBhvr>
                                      <p:to>
                                        <p:strVal val="visible"/>
                                      </p:to>
                                    </p:set>
                                    <p:animEffect transition="in" filter="wipe(left)">
                                      <p:cBhvr>
                                        <p:cTn id="55" dur="500"/>
                                        <p:tgtEl>
                                          <p:spTgt spid="68"/>
                                        </p:tgtEl>
                                      </p:cBhvr>
                                    </p:animEffect>
                                  </p:childTnLst>
                                </p:cTn>
                              </p:par>
                            </p:childTnLst>
                          </p:cTn>
                        </p:par>
                        <p:par>
                          <p:cTn id="56" fill="hold">
                            <p:stCondLst>
                              <p:cond delay="1000"/>
                            </p:stCondLst>
                            <p:childTnLst>
                              <p:par>
                                <p:cTn id="57" presetID="22" presetClass="entr" presetSubtype="8" fill="hold" grpId="0" nodeType="afterEffect">
                                  <p:stCondLst>
                                    <p:cond delay="0"/>
                                  </p:stCondLst>
                                  <p:childTnLst>
                                    <p:set>
                                      <p:cBhvr>
                                        <p:cTn id="58" dur="1" fill="hold">
                                          <p:stCondLst>
                                            <p:cond delay="0"/>
                                          </p:stCondLst>
                                        </p:cTn>
                                        <p:tgtEl>
                                          <p:spTgt spid="61"/>
                                        </p:tgtEl>
                                        <p:attrNameLst>
                                          <p:attrName>style.visibility</p:attrName>
                                        </p:attrNameLst>
                                      </p:cBhvr>
                                      <p:to>
                                        <p:strVal val="visible"/>
                                      </p:to>
                                    </p:set>
                                    <p:animEffect transition="in" filter="wipe(left)">
                                      <p:cBhvr>
                                        <p:cTn id="59" dur="500"/>
                                        <p:tgtEl>
                                          <p:spTgt spid="61"/>
                                        </p:tgtEl>
                                      </p:cBhvr>
                                    </p:animEffect>
                                  </p:childTnLst>
                                </p:cTn>
                              </p:par>
                            </p:childTnLst>
                          </p:cTn>
                        </p:par>
                      </p:childTnLst>
                    </p:cTn>
                  </p:par>
                  <p:par>
                    <p:cTn id="60" fill="hold">
                      <p:stCondLst>
                        <p:cond delay="indefinite"/>
                      </p:stCondLst>
                      <p:childTnLst>
                        <p:par>
                          <p:cTn id="61" fill="hold">
                            <p:stCondLst>
                              <p:cond delay="0"/>
                            </p:stCondLst>
                            <p:childTnLst>
                              <p:par>
                                <p:cTn id="62" presetID="22" presetClass="entr" presetSubtype="8" fill="hold" nodeType="clickEffect">
                                  <p:stCondLst>
                                    <p:cond delay="0"/>
                                  </p:stCondLst>
                                  <p:childTnLst>
                                    <p:set>
                                      <p:cBhvr>
                                        <p:cTn id="63" dur="1" fill="hold">
                                          <p:stCondLst>
                                            <p:cond delay="0"/>
                                          </p:stCondLst>
                                        </p:cTn>
                                        <p:tgtEl>
                                          <p:spTgt spid="100"/>
                                        </p:tgtEl>
                                        <p:attrNameLst>
                                          <p:attrName>style.visibility</p:attrName>
                                        </p:attrNameLst>
                                      </p:cBhvr>
                                      <p:to>
                                        <p:strVal val="visible"/>
                                      </p:to>
                                    </p:set>
                                    <p:animEffect transition="in" filter="wipe(left)">
                                      <p:cBhvr>
                                        <p:cTn id="64" dur="500"/>
                                        <p:tgtEl>
                                          <p:spTgt spid="100"/>
                                        </p:tgtEl>
                                      </p:cBhvr>
                                    </p:animEffect>
                                  </p:childTnLst>
                                </p:cTn>
                              </p:par>
                            </p:childTnLst>
                          </p:cTn>
                        </p:par>
                        <p:par>
                          <p:cTn id="65" fill="hold">
                            <p:stCondLst>
                              <p:cond delay="500"/>
                            </p:stCondLst>
                            <p:childTnLst>
                              <p:par>
                                <p:cTn id="66" presetID="22" presetClass="entr" presetSubtype="8" fill="hold" nodeType="afterEffect">
                                  <p:stCondLst>
                                    <p:cond delay="0"/>
                                  </p:stCondLst>
                                  <p:childTnLst>
                                    <p:set>
                                      <p:cBhvr>
                                        <p:cTn id="67" dur="1" fill="hold">
                                          <p:stCondLst>
                                            <p:cond delay="0"/>
                                          </p:stCondLst>
                                        </p:cTn>
                                        <p:tgtEl>
                                          <p:spTgt spid="71"/>
                                        </p:tgtEl>
                                        <p:attrNameLst>
                                          <p:attrName>style.visibility</p:attrName>
                                        </p:attrNameLst>
                                      </p:cBhvr>
                                      <p:to>
                                        <p:strVal val="visible"/>
                                      </p:to>
                                    </p:set>
                                    <p:animEffect transition="in" filter="wipe(left)">
                                      <p:cBhvr>
                                        <p:cTn id="68" dur="500"/>
                                        <p:tgtEl>
                                          <p:spTgt spid="71"/>
                                        </p:tgtEl>
                                      </p:cBhvr>
                                    </p:animEffect>
                                  </p:childTnLst>
                                </p:cTn>
                              </p:par>
                            </p:childTnLst>
                          </p:cTn>
                        </p:par>
                        <p:par>
                          <p:cTn id="69" fill="hold">
                            <p:stCondLst>
                              <p:cond delay="1000"/>
                            </p:stCondLst>
                            <p:childTnLst>
                              <p:par>
                                <p:cTn id="70" presetID="22" presetClass="entr" presetSubtype="8" fill="hold" grpId="0" nodeType="afterEffect">
                                  <p:stCondLst>
                                    <p:cond delay="0"/>
                                  </p:stCondLst>
                                  <p:childTnLst>
                                    <p:set>
                                      <p:cBhvr>
                                        <p:cTn id="71" dur="1" fill="hold">
                                          <p:stCondLst>
                                            <p:cond delay="0"/>
                                          </p:stCondLst>
                                        </p:cTn>
                                        <p:tgtEl>
                                          <p:spTgt spid="94"/>
                                        </p:tgtEl>
                                        <p:attrNameLst>
                                          <p:attrName>style.visibility</p:attrName>
                                        </p:attrNameLst>
                                      </p:cBhvr>
                                      <p:to>
                                        <p:strVal val="visible"/>
                                      </p:to>
                                    </p:set>
                                    <p:animEffect transition="in" filter="wipe(left)">
                                      <p:cBhvr>
                                        <p:cTn id="72" dur="500"/>
                                        <p:tgtEl>
                                          <p:spTgt spid="9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8" grpId="0"/>
      <p:bldP spid="59" grpId="0"/>
      <p:bldP spid="60" grpId="0"/>
      <p:bldP spid="61" grpId="0"/>
      <p:bldP spid="94"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p:cNvGrpSpPr/>
          <p:nvPr/>
        </p:nvGrpSpPr>
        <p:grpSpPr>
          <a:xfrm>
            <a:off x="153268" y="186139"/>
            <a:ext cx="5983704" cy="906559"/>
            <a:chOff x="6096000" y="537408"/>
            <a:chExt cx="5983704" cy="1363579"/>
          </a:xfrm>
        </p:grpSpPr>
        <p:sp>
          <p:nvSpPr>
            <p:cNvPr id="3" name="Dikdörtgen 2"/>
            <p:cNvSpPr/>
            <p:nvPr/>
          </p:nvSpPr>
          <p:spPr>
            <a:xfrm>
              <a:off x="6464968" y="537408"/>
              <a:ext cx="5614736"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4" name="Dikdörtgen 3"/>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1</a:t>
              </a:r>
            </a:p>
          </p:txBody>
        </p:sp>
      </p:grpSp>
      <p:sp>
        <p:nvSpPr>
          <p:cNvPr id="5" name="Dikdörtgen 4"/>
          <p:cNvSpPr/>
          <p:nvPr/>
        </p:nvSpPr>
        <p:spPr>
          <a:xfrm>
            <a:off x="920704" y="335452"/>
            <a:ext cx="5146922" cy="523220"/>
          </a:xfrm>
          <a:prstGeom prst="rect">
            <a:avLst/>
          </a:prstGeom>
        </p:spPr>
        <p:txBody>
          <a:bodyPr wrap="none">
            <a:spAutoFit/>
          </a:bodyPr>
          <a:lstStyle/>
          <a:p>
            <a:r>
              <a:rPr lang="tr-TR" sz="2800" dirty="0"/>
              <a:t>İbadet sadece Allah’a (</a:t>
            </a:r>
            <a:r>
              <a:rPr lang="tr-TR" sz="2800" dirty="0" err="1"/>
              <a:t>c.c</a:t>
            </a:r>
            <a:r>
              <a:rPr lang="tr-TR" sz="2800" dirty="0"/>
              <a:t>.) yapılır. </a:t>
            </a:r>
          </a:p>
        </p:txBody>
      </p:sp>
      <p:sp>
        <p:nvSpPr>
          <p:cNvPr id="6" name="Dikdörtgen 5"/>
          <p:cNvSpPr/>
          <p:nvPr/>
        </p:nvSpPr>
        <p:spPr>
          <a:xfrm>
            <a:off x="383094" y="2246379"/>
            <a:ext cx="5910734" cy="3477875"/>
          </a:xfrm>
          <a:prstGeom prst="rect">
            <a:avLst/>
          </a:prstGeom>
          <a:noFill/>
          <a:ln>
            <a:solidFill>
              <a:schemeClr val="accent2"/>
            </a:solidFill>
          </a:ln>
        </p:spPr>
        <p:txBody>
          <a:bodyPr wrap="square">
            <a:spAutoFit/>
          </a:bodyPr>
          <a:lstStyle/>
          <a:p>
            <a:pPr algn="just">
              <a:lnSpc>
                <a:spcPct val="150000"/>
              </a:lnSpc>
            </a:pPr>
            <a:r>
              <a:rPr lang="tr-TR" sz="3200" dirty="0"/>
              <a:t>“De ki: Şüphesiz benim namazım, ibadetlerim, hayatım ve ölümüm hepsi alemlerin Rabbi Allah içindir.”</a:t>
            </a:r>
          </a:p>
          <a:p>
            <a:pPr algn="r"/>
            <a:r>
              <a:rPr lang="tr-TR" sz="2800" dirty="0"/>
              <a:t>En’âm suresi, 162. ayet</a:t>
            </a:r>
          </a:p>
        </p:txBody>
      </p:sp>
      <p:sp>
        <p:nvSpPr>
          <p:cNvPr id="7" name="Google Shape;146;p18"/>
          <p:cNvSpPr/>
          <p:nvPr/>
        </p:nvSpPr>
        <p:spPr>
          <a:xfrm>
            <a:off x="6524787" y="2045776"/>
            <a:ext cx="5242648" cy="1412251"/>
          </a:xfrm>
          <a:prstGeom prst="roundRect">
            <a:avLst>
              <a:gd name="adj" fmla="val 16667"/>
            </a:avLst>
          </a:prstGeom>
          <a:solidFill>
            <a:schemeClr val="accent4">
              <a:lumMod val="40000"/>
              <a:lumOff val="60000"/>
            </a:schemeClr>
          </a:solidFill>
          <a:ln>
            <a:headEnd type="none" w="sm" len="sm"/>
            <a:tailEnd type="none" w="sm" len="sm"/>
          </a:ln>
        </p:spPr>
        <p:style>
          <a:lnRef idx="1">
            <a:schemeClr val="accent2"/>
          </a:lnRef>
          <a:fillRef idx="2">
            <a:schemeClr val="accent2"/>
          </a:fillRef>
          <a:effectRef idx="1">
            <a:schemeClr val="accent2"/>
          </a:effectRef>
          <a:fontRef idx="minor">
            <a:schemeClr val="dk1"/>
          </a:fontRef>
        </p:style>
        <p:txBody>
          <a:bodyPr spcFirstLastPara="1" wrap="square" lIns="91425" tIns="45700" rIns="91425" bIns="45700" anchor="ctr" anchorCtr="0">
            <a:noAutofit/>
          </a:bodyPr>
          <a:lstStyle/>
          <a:p>
            <a:r>
              <a:rPr lang="tr-TR" sz="3200" dirty="0"/>
              <a:t>Bütün ibadetler Allah rızası için yapılır.</a:t>
            </a:r>
            <a:endParaRPr lang="tr-TR" sz="3200" dirty="0">
              <a:solidFill>
                <a:schemeClr val="tx1"/>
              </a:solidFill>
              <a:latin typeface="Calibri"/>
              <a:ea typeface="Calibri"/>
              <a:cs typeface="Calibri"/>
              <a:sym typeface="Calibri"/>
            </a:endParaRPr>
          </a:p>
        </p:txBody>
      </p:sp>
      <p:sp>
        <p:nvSpPr>
          <p:cNvPr id="8" name="Google Shape;149;p18"/>
          <p:cNvSpPr/>
          <p:nvPr/>
        </p:nvSpPr>
        <p:spPr>
          <a:xfrm>
            <a:off x="6524787" y="4697163"/>
            <a:ext cx="5284119" cy="1027091"/>
          </a:xfrm>
          <a:prstGeom prst="roundRect">
            <a:avLst>
              <a:gd name="adj" fmla="val 16667"/>
            </a:avLst>
          </a:prstGeom>
          <a:solidFill>
            <a:schemeClr val="accent4">
              <a:lumMod val="40000"/>
              <a:lumOff val="60000"/>
            </a:schemeClr>
          </a:solidFill>
          <a:ln>
            <a:headEnd type="none" w="sm" len="sm"/>
            <a:tailEnd type="none" w="sm" len="sm"/>
          </a:ln>
        </p:spPr>
        <p:style>
          <a:lnRef idx="1">
            <a:schemeClr val="accent2"/>
          </a:lnRef>
          <a:fillRef idx="2">
            <a:schemeClr val="accent2"/>
          </a:fillRef>
          <a:effectRef idx="1">
            <a:schemeClr val="accent2"/>
          </a:effectRef>
          <a:fontRef idx="minor">
            <a:schemeClr val="dk1"/>
          </a:fontRef>
        </p:style>
        <p:txBody>
          <a:bodyPr spcFirstLastPara="1" wrap="square" lIns="91425" tIns="45700" rIns="91425" bIns="45700" anchor="ctr" anchorCtr="0">
            <a:noAutofit/>
          </a:bodyPr>
          <a:lstStyle/>
          <a:p>
            <a:pPr algn="ctr"/>
            <a:r>
              <a:rPr lang="tr-TR" sz="3200" dirty="0">
                <a:solidFill>
                  <a:schemeClr val="tx1"/>
                </a:solidFill>
                <a:latin typeface="Calibri"/>
                <a:ea typeface="Calibri"/>
                <a:cs typeface="Calibri"/>
                <a:sym typeface="Calibri"/>
              </a:rPr>
              <a:t>Allah’ın verdiği nimetlere şükretmek gerektiği </a:t>
            </a:r>
          </a:p>
        </p:txBody>
      </p:sp>
    </p:spTree>
    <p:custDataLst>
      <p:tags r:id="rId1"/>
    </p:custDataLst>
    <p:extLst>
      <p:ext uri="{BB962C8B-B14F-4D97-AF65-F5344CB8AC3E}">
        <p14:creationId xmlns:p14="http://schemas.microsoft.com/office/powerpoint/2010/main" val="20823177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down)">
                                      <p:cBhvr>
                                        <p:cTn id="7" dur="500"/>
                                        <p:tgtEl>
                                          <p:spTgt spid="7"/>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8"/>
                                        </p:tgtEl>
                                        <p:attrNameLst>
                                          <p:attrName>style.visibility</p:attrName>
                                        </p:attrNameLst>
                                      </p:cBhvr>
                                      <p:to>
                                        <p:strVal val="visible"/>
                                      </p:to>
                                    </p:set>
                                    <p:animEffect transition="in" filter="wipe(down)">
                                      <p:cBhvr>
                                        <p:cTn id="11" dur="500"/>
                                        <p:tgtEl>
                                          <p:spTgt spid="8"/>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wipe(left)">
                                      <p:cBhvr>
                                        <p:cTn id="16"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8"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p:cNvGrpSpPr/>
          <p:nvPr/>
        </p:nvGrpSpPr>
        <p:grpSpPr>
          <a:xfrm>
            <a:off x="199763" y="334217"/>
            <a:ext cx="5983704" cy="906559"/>
            <a:chOff x="6096000" y="537408"/>
            <a:chExt cx="5983704" cy="1363579"/>
          </a:xfrm>
        </p:grpSpPr>
        <p:sp>
          <p:nvSpPr>
            <p:cNvPr id="3" name="Dikdörtgen 2"/>
            <p:cNvSpPr/>
            <p:nvPr/>
          </p:nvSpPr>
          <p:spPr>
            <a:xfrm>
              <a:off x="6464968" y="537408"/>
              <a:ext cx="5614736"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4" name="Dikdörtgen 3"/>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2</a:t>
              </a:r>
            </a:p>
          </p:txBody>
        </p:sp>
      </p:grpSp>
      <p:sp>
        <p:nvSpPr>
          <p:cNvPr id="5" name="Dikdörtgen 4"/>
          <p:cNvSpPr/>
          <p:nvPr/>
        </p:nvSpPr>
        <p:spPr>
          <a:xfrm>
            <a:off x="967199" y="499262"/>
            <a:ext cx="4775538" cy="523220"/>
          </a:xfrm>
          <a:prstGeom prst="rect">
            <a:avLst/>
          </a:prstGeom>
        </p:spPr>
        <p:txBody>
          <a:bodyPr wrap="none">
            <a:spAutoFit/>
          </a:bodyPr>
          <a:lstStyle/>
          <a:p>
            <a:r>
              <a:rPr lang="tr-TR" sz="2800" dirty="0"/>
              <a:t>İbadet, imanın bir göstergesidir.</a:t>
            </a:r>
          </a:p>
        </p:txBody>
      </p:sp>
      <p:sp>
        <p:nvSpPr>
          <p:cNvPr id="7" name="Dikdörtgen 6"/>
          <p:cNvSpPr/>
          <p:nvPr/>
        </p:nvSpPr>
        <p:spPr>
          <a:xfrm>
            <a:off x="199763" y="2195113"/>
            <a:ext cx="6662057" cy="3539430"/>
          </a:xfrm>
          <a:prstGeom prst="rect">
            <a:avLst/>
          </a:prstGeom>
          <a:ln>
            <a:noFill/>
          </a:ln>
        </p:spPr>
        <p:txBody>
          <a:bodyPr wrap="square">
            <a:spAutoFit/>
          </a:bodyPr>
          <a:lstStyle/>
          <a:p>
            <a:pPr marL="457200" marR="0" lvl="0" indent="-457200" algn="l" defTabSz="914400" rtl="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1200" cap="none" spc="0" normalizeH="0" baseline="0" noProof="0" dirty="0">
                <a:ln>
                  <a:noFill/>
                </a:ln>
                <a:solidFill>
                  <a:prstClr val="black"/>
                </a:solidFill>
                <a:effectLst/>
                <a:uLnTx/>
                <a:uFillTx/>
                <a:ea typeface="맑은 고딕"/>
              </a:rPr>
              <a:t>Kur’an-ı Kerim Allah’a (</a:t>
            </a:r>
            <a:r>
              <a:rPr kumimoji="0" lang="tr-TR" sz="3200" b="0" i="0" u="none" strike="noStrike" kern="1200" cap="none" spc="0" normalizeH="0" baseline="0" noProof="0" dirty="0" err="1">
                <a:ln>
                  <a:noFill/>
                </a:ln>
                <a:solidFill>
                  <a:prstClr val="black"/>
                </a:solidFill>
                <a:effectLst/>
                <a:uLnTx/>
                <a:uFillTx/>
                <a:ea typeface="맑은 고딕"/>
              </a:rPr>
              <a:t>c.c</a:t>
            </a:r>
            <a:r>
              <a:rPr kumimoji="0" lang="tr-TR" sz="3200" b="0" i="0" u="none" strike="noStrike" kern="1200" cap="none" spc="0" normalizeH="0" baseline="0" noProof="0" dirty="0">
                <a:ln>
                  <a:noFill/>
                </a:ln>
                <a:solidFill>
                  <a:prstClr val="black"/>
                </a:solidFill>
                <a:effectLst/>
                <a:uLnTx/>
                <a:uFillTx/>
                <a:ea typeface="맑은 고딕"/>
              </a:rPr>
              <a:t>.) imanı meyve veren bir ağaca benzetmiştir.</a:t>
            </a:r>
          </a:p>
          <a:p>
            <a:pPr marR="0" lvl="0" algn="l" defTabSz="914400" rtl="0" eaLnBrk="1" fontAlgn="auto" latinLnBrk="0" hangingPunct="1">
              <a:lnSpc>
                <a:spcPct val="100000"/>
              </a:lnSpc>
              <a:spcBef>
                <a:spcPts val="0"/>
              </a:spcBef>
              <a:spcAft>
                <a:spcPts val="0"/>
              </a:spcAft>
              <a:buClrTx/>
              <a:buSzTx/>
              <a:tabLst/>
              <a:defRPr/>
            </a:pPr>
            <a:endParaRPr kumimoji="0" lang="tr-TR" sz="3200" b="0" i="0" u="none" strike="noStrike" kern="1200" cap="none" spc="0" normalizeH="0" baseline="0" noProof="0" dirty="0">
              <a:ln>
                <a:noFill/>
              </a:ln>
              <a:solidFill>
                <a:prstClr val="black"/>
              </a:solidFill>
              <a:effectLst/>
              <a:uLnTx/>
              <a:uFillTx/>
              <a:ea typeface="맑은 고딕"/>
            </a:endParaRPr>
          </a:p>
          <a:p>
            <a:pPr marL="457200" lvl="0" indent="-457200">
              <a:buFont typeface="Wingdings" panose="05000000000000000000" pitchFamily="2" charset="2"/>
              <a:buChar char="Ø"/>
              <a:defRPr/>
            </a:pPr>
            <a:r>
              <a:rPr lang="tr-TR" sz="3200" dirty="0"/>
              <a:t>İbadetler imanın meyveleridir.</a:t>
            </a:r>
          </a:p>
          <a:p>
            <a:pPr lvl="0">
              <a:defRPr/>
            </a:pPr>
            <a:endParaRPr lang="tr-TR" sz="3200" dirty="0"/>
          </a:p>
          <a:p>
            <a:pPr marL="457200" lvl="0" indent="-457200">
              <a:buFont typeface="Wingdings" panose="05000000000000000000" pitchFamily="2" charset="2"/>
              <a:buChar char="Ø"/>
              <a:defRPr/>
            </a:pPr>
            <a:r>
              <a:rPr lang="tr-TR" sz="3200" dirty="0"/>
              <a:t>İbadetler imanını korur ve güçlendirir. </a:t>
            </a:r>
            <a:endParaRPr kumimoji="0" lang="tr-TR" sz="3200" b="0" i="0" u="none" strike="noStrike" kern="1200" cap="none" spc="0" normalizeH="0" baseline="0" noProof="0" dirty="0">
              <a:ln>
                <a:noFill/>
              </a:ln>
              <a:solidFill>
                <a:prstClr val="black"/>
              </a:solidFill>
              <a:effectLst/>
              <a:uLnTx/>
              <a:uFillTx/>
              <a:ea typeface="맑은 고딕"/>
            </a:endParaRPr>
          </a:p>
        </p:txBody>
      </p:sp>
      <p:pic>
        <p:nvPicPr>
          <p:cNvPr id="6" name="Resim 5"/>
          <p:cNvPicPr>
            <a:picLocks noChangeAspect="1"/>
          </p:cNvPicPr>
          <p:nvPr/>
        </p:nvPicPr>
        <p:blipFill>
          <a:blip r:embed="rId4"/>
          <a:stretch>
            <a:fillRect/>
          </a:stretch>
        </p:blipFill>
        <p:spPr>
          <a:xfrm>
            <a:off x="6841837" y="1123457"/>
            <a:ext cx="5350163" cy="5389620"/>
          </a:xfrm>
          <a:prstGeom prst="rect">
            <a:avLst/>
          </a:prstGeom>
        </p:spPr>
      </p:pic>
    </p:spTree>
    <p:custDataLst>
      <p:tags r:id="rId1"/>
    </p:custDataLst>
    <p:extLst>
      <p:ext uri="{BB962C8B-B14F-4D97-AF65-F5344CB8AC3E}">
        <p14:creationId xmlns:p14="http://schemas.microsoft.com/office/powerpoint/2010/main" val="26949118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down)">
                                      <p:cBhvr>
                                        <p:cTn id="7" dur="500"/>
                                        <p:tgtEl>
                                          <p:spTgt spid="7"/>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7">
                                            <p:txEl>
                                              <p:pRg st="0" end="0"/>
                                            </p:txEl>
                                          </p:spTgt>
                                        </p:tgtEl>
                                        <p:attrNameLst>
                                          <p:attrName>style.visibility</p:attrName>
                                        </p:attrNameLst>
                                      </p:cBhvr>
                                      <p:to>
                                        <p:strVal val="visible"/>
                                      </p:to>
                                    </p:set>
                                    <p:animEffect transition="in" filter="wipe(left)">
                                      <p:cBhvr>
                                        <p:cTn id="12" dur="500"/>
                                        <p:tgtEl>
                                          <p:spTgt spid="7">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wipe(left)">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7">
                                            <p:txEl>
                                              <p:pRg st="4" end="4"/>
                                            </p:txEl>
                                          </p:spTgt>
                                        </p:tgtEl>
                                        <p:attrNameLst>
                                          <p:attrName>style.visibility</p:attrName>
                                        </p:attrNameLst>
                                      </p:cBhvr>
                                      <p:to>
                                        <p:strVal val="visible"/>
                                      </p:to>
                                    </p:set>
                                    <p:animEffect transition="in" filter="wipe(left)">
                                      <p:cBhvr>
                                        <p:cTn id="22" dur="500"/>
                                        <p:tgtEl>
                                          <p:spTgt spid="7">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p:cNvGrpSpPr/>
          <p:nvPr/>
        </p:nvGrpSpPr>
        <p:grpSpPr>
          <a:xfrm>
            <a:off x="184265" y="247046"/>
            <a:ext cx="5983704" cy="906559"/>
            <a:chOff x="6096000" y="537408"/>
            <a:chExt cx="5983704" cy="1363579"/>
          </a:xfrm>
        </p:grpSpPr>
        <p:sp>
          <p:nvSpPr>
            <p:cNvPr id="3" name="Dikdörtgen 2"/>
            <p:cNvSpPr/>
            <p:nvPr/>
          </p:nvSpPr>
          <p:spPr>
            <a:xfrm>
              <a:off x="6464968" y="537408"/>
              <a:ext cx="5614736"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4" name="Dikdörtgen 3"/>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3</a:t>
              </a:r>
            </a:p>
          </p:txBody>
        </p:sp>
      </p:grpSp>
      <p:sp>
        <p:nvSpPr>
          <p:cNvPr id="5" name="Dikdörtgen 4"/>
          <p:cNvSpPr/>
          <p:nvPr/>
        </p:nvSpPr>
        <p:spPr>
          <a:xfrm>
            <a:off x="951701" y="390898"/>
            <a:ext cx="4921732" cy="584775"/>
          </a:xfrm>
          <a:prstGeom prst="rect">
            <a:avLst/>
          </a:prstGeom>
        </p:spPr>
        <p:txBody>
          <a:bodyPr wrap="none">
            <a:spAutoFit/>
          </a:bodyPr>
          <a:lstStyle/>
          <a:p>
            <a:r>
              <a:rPr lang="tr-TR" sz="3200" dirty="0"/>
              <a:t>İbadetlerde süreklilik esastır.</a:t>
            </a:r>
          </a:p>
        </p:txBody>
      </p:sp>
      <p:sp>
        <p:nvSpPr>
          <p:cNvPr id="6" name="Freeform: Shape 72">
            <a:extLst>
              <a:ext uri="{FF2B5EF4-FFF2-40B4-BE49-F238E27FC236}">
                <a16:creationId xmlns:a16="http://schemas.microsoft.com/office/drawing/2014/main" id="{284CBF33-0F96-4C13-AD04-4B75E2AA12AE}"/>
              </a:ext>
            </a:extLst>
          </p:cNvPr>
          <p:cNvSpPr/>
          <p:nvPr/>
        </p:nvSpPr>
        <p:spPr>
          <a:xfrm>
            <a:off x="210121" y="1823986"/>
            <a:ext cx="6339390" cy="2447435"/>
          </a:xfrm>
          <a:custGeom>
            <a:avLst/>
            <a:gdLst>
              <a:gd name="connsiteX0" fmla="*/ 0 w 8004412"/>
              <a:gd name="connsiteY0" fmla="*/ 565966 h 3268525"/>
              <a:gd name="connsiteX1" fmla="*/ 123389 w 8004412"/>
              <a:gd name="connsiteY1" fmla="*/ 565966 h 3268525"/>
              <a:gd name="connsiteX2" fmla="*/ 120769 w 8004412"/>
              <a:gd name="connsiteY2" fmla="*/ 591950 h 3268525"/>
              <a:gd name="connsiteX3" fmla="*/ 120769 w 8004412"/>
              <a:gd name="connsiteY3" fmla="*/ 2676576 h 3268525"/>
              <a:gd name="connsiteX4" fmla="*/ 591950 w 8004412"/>
              <a:gd name="connsiteY4" fmla="*/ 3147757 h 3268525"/>
              <a:gd name="connsiteX5" fmla="*/ 6707306 w 8004412"/>
              <a:gd name="connsiteY5" fmla="*/ 3147757 h 3268525"/>
              <a:gd name="connsiteX6" fmla="*/ 6707306 w 8004412"/>
              <a:gd name="connsiteY6" fmla="*/ 3268525 h 3268525"/>
              <a:gd name="connsiteX7" fmla="*/ 544765 w 8004412"/>
              <a:gd name="connsiteY7" fmla="*/ 3268525 h 3268525"/>
              <a:gd name="connsiteX8" fmla="*/ 0 w 8004412"/>
              <a:gd name="connsiteY8" fmla="*/ 2723760 h 3268525"/>
              <a:gd name="connsiteX9" fmla="*/ 1297106 w 8004412"/>
              <a:gd name="connsiteY9" fmla="*/ 0 h 3268525"/>
              <a:gd name="connsiteX10" fmla="*/ 7459647 w 8004412"/>
              <a:gd name="connsiteY10" fmla="*/ 0 h 3268525"/>
              <a:gd name="connsiteX11" fmla="*/ 8004412 w 8004412"/>
              <a:gd name="connsiteY11" fmla="*/ 544765 h 3268525"/>
              <a:gd name="connsiteX12" fmla="*/ 8004412 w 8004412"/>
              <a:gd name="connsiteY12" fmla="*/ 2702559 h 3268525"/>
              <a:gd name="connsiteX13" fmla="*/ 7881024 w 8004412"/>
              <a:gd name="connsiteY13" fmla="*/ 2702559 h 3268525"/>
              <a:gd name="connsiteX14" fmla="*/ 7883643 w 8004412"/>
              <a:gd name="connsiteY14" fmla="*/ 2676576 h 3268525"/>
              <a:gd name="connsiteX15" fmla="*/ 7883643 w 8004412"/>
              <a:gd name="connsiteY15" fmla="*/ 591950 h 3268525"/>
              <a:gd name="connsiteX16" fmla="*/ 7412462 w 8004412"/>
              <a:gd name="connsiteY16" fmla="*/ 120769 h 3268525"/>
              <a:gd name="connsiteX17" fmla="*/ 1297106 w 8004412"/>
              <a:gd name="connsiteY17" fmla="*/ 120769 h 32685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8004412" h="3268525">
                <a:moveTo>
                  <a:pt x="0" y="565966"/>
                </a:moveTo>
                <a:lnTo>
                  <a:pt x="123389" y="565966"/>
                </a:lnTo>
                <a:lnTo>
                  <a:pt x="120769" y="591950"/>
                </a:lnTo>
                <a:lnTo>
                  <a:pt x="120769" y="2676576"/>
                </a:lnTo>
                <a:cubicBezTo>
                  <a:pt x="120769" y="2936802"/>
                  <a:pt x="331724" y="3147757"/>
                  <a:pt x="591950" y="3147757"/>
                </a:cubicBezTo>
                <a:lnTo>
                  <a:pt x="6707306" y="3147757"/>
                </a:lnTo>
                <a:lnTo>
                  <a:pt x="6707306" y="3268525"/>
                </a:lnTo>
                <a:lnTo>
                  <a:pt x="544765" y="3268525"/>
                </a:lnTo>
                <a:cubicBezTo>
                  <a:pt x="243900" y="3268525"/>
                  <a:pt x="0" y="3024625"/>
                  <a:pt x="0" y="2723760"/>
                </a:cubicBezTo>
                <a:close/>
                <a:moveTo>
                  <a:pt x="1297106" y="0"/>
                </a:moveTo>
                <a:lnTo>
                  <a:pt x="7459647" y="0"/>
                </a:lnTo>
                <a:cubicBezTo>
                  <a:pt x="7760512" y="0"/>
                  <a:pt x="8004412" y="243900"/>
                  <a:pt x="8004412" y="544765"/>
                </a:cubicBezTo>
                <a:lnTo>
                  <a:pt x="8004412" y="2702559"/>
                </a:lnTo>
                <a:lnTo>
                  <a:pt x="7881024" y="2702559"/>
                </a:lnTo>
                <a:lnTo>
                  <a:pt x="7883643" y="2676576"/>
                </a:lnTo>
                <a:lnTo>
                  <a:pt x="7883643" y="591950"/>
                </a:lnTo>
                <a:cubicBezTo>
                  <a:pt x="7883643" y="331724"/>
                  <a:pt x="7672688" y="120769"/>
                  <a:pt x="7412462" y="120769"/>
                </a:cubicBezTo>
                <a:lnTo>
                  <a:pt x="1297106" y="120769"/>
                </a:lnTo>
                <a:close/>
              </a:path>
            </a:pathLst>
          </a:custGeom>
          <a:solidFill>
            <a:schemeClr val="bg2">
              <a:lumMod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640080" tIns="457200" rIns="640080" rtlCol="0" anchor="t"/>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just"/>
            <a:endParaRPr kumimoji="0" lang="en-US" sz="2400" b="0" i="0" u="none" strike="noStrike" kern="1200" cap="none" spc="0" normalizeH="0" baseline="0" noProof="1">
              <a:ln>
                <a:noFill/>
              </a:ln>
              <a:solidFill>
                <a:schemeClr val="tx1"/>
              </a:solidFill>
              <a:effectLst/>
              <a:uLnTx/>
              <a:uFillTx/>
              <a:latin typeface="Calibri" panose="020F0502020204030204"/>
            </a:endParaRPr>
          </a:p>
        </p:txBody>
      </p:sp>
      <p:sp>
        <p:nvSpPr>
          <p:cNvPr id="7" name="Freeform: Shape 73">
            <a:extLst>
              <a:ext uri="{FF2B5EF4-FFF2-40B4-BE49-F238E27FC236}">
                <a16:creationId xmlns:a16="http://schemas.microsoft.com/office/drawing/2014/main" id="{C0D20BC1-9E0B-4FD0-9940-9B719731DAFC}"/>
              </a:ext>
            </a:extLst>
          </p:cNvPr>
          <p:cNvSpPr/>
          <p:nvPr/>
        </p:nvSpPr>
        <p:spPr>
          <a:xfrm>
            <a:off x="210120" y="1311600"/>
            <a:ext cx="1146711" cy="895836"/>
          </a:xfrm>
          <a:custGeom>
            <a:avLst/>
            <a:gdLst>
              <a:gd name="connsiteX0" fmla="*/ 933203 w 1005227"/>
              <a:gd name="connsiteY0" fmla="*/ 0 h 761102"/>
              <a:gd name="connsiteX1" fmla="*/ 973261 w 1005227"/>
              <a:gd name="connsiteY1" fmla="*/ 2225 h 761102"/>
              <a:gd name="connsiteX2" fmla="*/ 997000 w 1005227"/>
              <a:gd name="connsiteY2" fmla="*/ 9643 h 761102"/>
              <a:gd name="connsiteX3" fmla="*/ 1005160 w 1005227"/>
              <a:gd name="connsiteY3" fmla="*/ 23738 h 761102"/>
              <a:gd name="connsiteX4" fmla="*/ 998483 w 1005227"/>
              <a:gd name="connsiteY4" fmla="*/ 44509 h 761102"/>
              <a:gd name="connsiteX5" fmla="*/ 804128 w 1005227"/>
              <a:gd name="connsiteY5" fmla="*/ 452507 h 761102"/>
              <a:gd name="connsiteX6" fmla="*/ 804128 w 1005227"/>
              <a:gd name="connsiteY6" fmla="*/ 639445 h 761102"/>
              <a:gd name="connsiteX7" fmla="*/ 795968 w 1005227"/>
              <a:gd name="connsiteY7" fmla="*/ 701757 h 761102"/>
              <a:gd name="connsiteX8" fmla="*/ 770746 w 1005227"/>
              <a:gd name="connsiteY8" fmla="*/ 738848 h 761102"/>
              <a:gd name="connsiteX9" fmla="*/ 727721 w 1005227"/>
              <a:gd name="connsiteY9" fmla="*/ 756651 h 761102"/>
              <a:gd name="connsiteX10" fmla="*/ 666150 w 1005227"/>
              <a:gd name="connsiteY10" fmla="*/ 761102 h 761102"/>
              <a:gd name="connsiteX11" fmla="*/ 605321 w 1005227"/>
              <a:gd name="connsiteY11" fmla="*/ 756651 h 761102"/>
              <a:gd name="connsiteX12" fmla="*/ 563779 w 1005227"/>
              <a:gd name="connsiteY12" fmla="*/ 738848 h 761102"/>
              <a:gd name="connsiteX13" fmla="*/ 539300 w 1005227"/>
              <a:gd name="connsiteY13" fmla="*/ 701757 h 761102"/>
              <a:gd name="connsiteX14" fmla="*/ 531140 w 1005227"/>
              <a:gd name="connsiteY14" fmla="*/ 639445 h 761102"/>
              <a:gd name="connsiteX15" fmla="*/ 535590 w 1005227"/>
              <a:gd name="connsiteY15" fmla="*/ 557103 h 761102"/>
              <a:gd name="connsiteX16" fmla="*/ 549685 w 1005227"/>
              <a:gd name="connsiteY16" fmla="*/ 485147 h 761102"/>
              <a:gd name="connsiteX17" fmla="*/ 576390 w 1005227"/>
              <a:gd name="connsiteY17" fmla="*/ 417642 h 761102"/>
              <a:gd name="connsiteX18" fmla="*/ 617190 w 1005227"/>
              <a:gd name="connsiteY18" fmla="*/ 347169 h 761102"/>
              <a:gd name="connsiteX19" fmla="*/ 817480 w 1005227"/>
              <a:gd name="connsiteY19" fmla="*/ 43025 h 761102"/>
              <a:gd name="connsiteX20" fmla="*/ 833800 w 1005227"/>
              <a:gd name="connsiteY20" fmla="*/ 23738 h 761102"/>
              <a:gd name="connsiteX21" fmla="*/ 856055 w 1005227"/>
              <a:gd name="connsiteY21" fmla="*/ 11127 h 761102"/>
              <a:gd name="connsiteX22" fmla="*/ 887953 w 1005227"/>
              <a:gd name="connsiteY22" fmla="*/ 2967 h 761102"/>
              <a:gd name="connsiteX23" fmla="*/ 933203 w 1005227"/>
              <a:gd name="connsiteY23" fmla="*/ 0 h 761102"/>
              <a:gd name="connsiteX24" fmla="*/ 402064 w 1005227"/>
              <a:gd name="connsiteY24" fmla="*/ 0 h 761102"/>
              <a:gd name="connsiteX25" fmla="*/ 441380 w 1005227"/>
              <a:gd name="connsiteY25" fmla="*/ 2225 h 761102"/>
              <a:gd name="connsiteX26" fmla="*/ 465118 w 1005227"/>
              <a:gd name="connsiteY26" fmla="*/ 9643 h 761102"/>
              <a:gd name="connsiteX27" fmla="*/ 473278 w 1005227"/>
              <a:gd name="connsiteY27" fmla="*/ 23738 h 761102"/>
              <a:gd name="connsiteX28" fmla="*/ 467343 w 1005227"/>
              <a:gd name="connsiteY28" fmla="*/ 44509 h 761102"/>
              <a:gd name="connsiteX29" fmla="*/ 272988 w 1005227"/>
              <a:gd name="connsiteY29" fmla="*/ 452507 h 761102"/>
              <a:gd name="connsiteX30" fmla="*/ 272988 w 1005227"/>
              <a:gd name="connsiteY30" fmla="*/ 639445 h 761102"/>
              <a:gd name="connsiteX31" fmla="*/ 264828 w 1005227"/>
              <a:gd name="connsiteY31" fmla="*/ 701757 h 761102"/>
              <a:gd name="connsiteX32" fmla="*/ 239606 w 1005227"/>
              <a:gd name="connsiteY32" fmla="*/ 738848 h 761102"/>
              <a:gd name="connsiteX33" fmla="*/ 196581 w 1005227"/>
              <a:gd name="connsiteY33" fmla="*/ 756651 h 761102"/>
              <a:gd name="connsiteX34" fmla="*/ 135010 w 1005227"/>
              <a:gd name="connsiteY34" fmla="*/ 761102 h 761102"/>
              <a:gd name="connsiteX35" fmla="*/ 74181 w 1005227"/>
              <a:gd name="connsiteY35" fmla="*/ 756651 h 761102"/>
              <a:gd name="connsiteX36" fmla="*/ 32640 w 1005227"/>
              <a:gd name="connsiteY36" fmla="*/ 738848 h 761102"/>
              <a:gd name="connsiteX37" fmla="*/ 8160 w 1005227"/>
              <a:gd name="connsiteY37" fmla="*/ 701757 h 761102"/>
              <a:gd name="connsiteX38" fmla="*/ 0 w 1005227"/>
              <a:gd name="connsiteY38" fmla="*/ 639445 h 761102"/>
              <a:gd name="connsiteX39" fmla="*/ 4451 w 1005227"/>
              <a:gd name="connsiteY39" fmla="*/ 557103 h 761102"/>
              <a:gd name="connsiteX40" fmla="*/ 18545 w 1005227"/>
              <a:gd name="connsiteY40" fmla="*/ 485147 h 761102"/>
              <a:gd name="connsiteX41" fmla="*/ 45251 w 1005227"/>
              <a:gd name="connsiteY41" fmla="*/ 417642 h 761102"/>
              <a:gd name="connsiteX42" fmla="*/ 86050 w 1005227"/>
              <a:gd name="connsiteY42" fmla="*/ 347169 h 761102"/>
              <a:gd name="connsiteX43" fmla="*/ 286341 w 1005227"/>
              <a:gd name="connsiteY43" fmla="*/ 43025 h 761102"/>
              <a:gd name="connsiteX44" fmla="*/ 302661 w 1005227"/>
              <a:gd name="connsiteY44" fmla="*/ 23738 h 761102"/>
              <a:gd name="connsiteX45" fmla="*/ 324915 w 1005227"/>
              <a:gd name="connsiteY45" fmla="*/ 11127 h 761102"/>
              <a:gd name="connsiteX46" fmla="*/ 356813 w 1005227"/>
              <a:gd name="connsiteY46" fmla="*/ 2967 h 761102"/>
              <a:gd name="connsiteX47" fmla="*/ 402064 w 1005227"/>
              <a:gd name="connsiteY47" fmla="*/ 0 h 7611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Lst>
            <a:rect l="l" t="t" r="r" b="b"/>
            <a:pathLst>
              <a:path w="1005227" h="761102">
                <a:moveTo>
                  <a:pt x="933203" y="0"/>
                </a:moveTo>
                <a:cubicBezTo>
                  <a:pt x="949029" y="0"/>
                  <a:pt x="962381" y="741"/>
                  <a:pt x="973261" y="2225"/>
                </a:cubicBezTo>
                <a:cubicBezTo>
                  <a:pt x="984141" y="3709"/>
                  <a:pt x="992054" y="6181"/>
                  <a:pt x="997000" y="9643"/>
                </a:cubicBezTo>
                <a:cubicBezTo>
                  <a:pt x="1001945" y="13105"/>
                  <a:pt x="1004665" y="17803"/>
                  <a:pt x="1005160" y="23738"/>
                </a:cubicBezTo>
                <a:cubicBezTo>
                  <a:pt x="1005654" y="29672"/>
                  <a:pt x="1003429" y="36596"/>
                  <a:pt x="998483" y="44509"/>
                </a:cubicBezTo>
                <a:lnTo>
                  <a:pt x="804128" y="452507"/>
                </a:lnTo>
                <a:lnTo>
                  <a:pt x="804128" y="639445"/>
                </a:lnTo>
                <a:cubicBezTo>
                  <a:pt x="804128" y="665161"/>
                  <a:pt x="801408" y="685932"/>
                  <a:pt x="795968" y="701757"/>
                </a:cubicBezTo>
                <a:cubicBezTo>
                  <a:pt x="790528" y="717582"/>
                  <a:pt x="782120" y="729946"/>
                  <a:pt x="770746" y="738848"/>
                </a:cubicBezTo>
                <a:cubicBezTo>
                  <a:pt x="759371" y="747749"/>
                  <a:pt x="745030" y="753684"/>
                  <a:pt x="727721" y="756651"/>
                </a:cubicBezTo>
                <a:cubicBezTo>
                  <a:pt x="710412" y="759618"/>
                  <a:pt x="689888" y="761102"/>
                  <a:pt x="666150" y="761102"/>
                </a:cubicBezTo>
                <a:cubicBezTo>
                  <a:pt x="642412" y="761102"/>
                  <a:pt x="622136" y="759618"/>
                  <a:pt x="605321" y="756651"/>
                </a:cubicBezTo>
                <a:cubicBezTo>
                  <a:pt x="588507" y="753684"/>
                  <a:pt x="574659" y="747749"/>
                  <a:pt x="563779" y="738848"/>
                </a:cubicBezTo>
                <a:cubicBezTo>
                  <a:pt x="552899" y="729946"/>
                  <a:pt x="544739" y="717582"/>
                  <a:pt x="539300" y="701757"/>
                </a:cubicBezTo>
                <a:cubicBezTo>
                  <a:pt x="533860" y="685932"/>
                  <a:pt x="531140" y="665161"/>
                  <a:pt x="531140" y="639445"/>
                </a:cubicBezTo>
                <a:cubicBezTo>
                  <a:pt x="531140" y="609772"/>
                  <a:pt x="532623" y="582325"/>
                  <a:pt x="535590" y="557103"/>
                </a:cubicBezTo>
                <a:cubicBezTo>
                  <a:pt x="538558" y="531881"/>
                  <a:pt x="543256" y="507896"/>
                  <a:pt x="549685" y="485147"/>
                </a:cubicBezTo>
                <a:cubicBezTo>
                  <a:pt x="556114" y="462398"/>
                  <a:pt x="565016" y="439896"/>
                  <a:pt x="576390" y="417642"/>
                </a:cubicBezTo>
                <a:cubicBezTo>
                  <a:pt x="587765" y="395387"/>
                  <a:pt x="601365" y="371896"/>
                  <a:pt x="617190" y="347169"/>
                </a:cubicBezTo>
                <a:lnTo>
                  <a:pt x="817480" y="43025"/>
                </a:lnTo>
                <a:cubicBezTo>
                  <a:pt x="822426" y="35112"/>
                  <a:pt x="827866" y="28683"/>
                  <a:pt x="833800" y="23738"/>
                </a:cubicBezTo>
                <a:cubicBezTo>
                  <a:pt x="839735" y="18792"/>
                  <a:pt x="847153" y="14589"/>
                  <a:pt x="856055" y="11127"/>
                </a:cubicBezTo>
                <a:cubicBezTo>
                  <a:pt x="864956" y="7665"/>
                  <a:pt x="875589" y="4945"/>
                  <a:pt x="887953" y="2967"/>
                </a:cubicBezTo>
                <a:cubicBezTo>
                  <a:pt x="900316" y="989"/>
                  <a:pt x="915400" y="0"/>
                  <a:pt x="933203" y="0"/>
                </a:cubicBezTo>
                <a:close/>
                <a:moveTo>
                  <a:pt x="402064" y="0"/>
                </a:moveTo>
                <a:cubicBezTo>
                  <a:pt x="417889" y="0"/>
                  <a:pt x="430995" y="741"/>
                  <a:pt x="441380" y="2225"/>
                </a:cubicBezTo>
                <a:cubicBezTo>
                  <a:pt x="451765" y="3709"/>
                  <a:pt x="459678" y="6181"/>
                  <a:pt x="465118" y="9643"/>
                </a:cubicBezTo>
                <a:cubicBezTo>
                  <a:pt x="470558" y="13105"/>
                  <a:pt x="473278" y="17803"/>
                  <a:pt x="473278" y="23738"/>
                </a:cubicBezTo>
                <a:cubicBezTo>
                  <a:pt x="473278" y="29672"/>
                  <a:pt x="471300" y="36596"/>
                  <a:pt x="467343" y="44509"/>
                </a:cubicBezTo>
                <a:lnTo>
                  <a:pt x="272988" y="452507"/>
                </a:lnTo>
                <a:lnTo>
                  <a:pt x="272988" y="639445"/>
                </a:lnTo>
                <a:cubicBezTo>
                  <a:pt x="272988" y="665161"/>
                  <a:pt x="270268" y="685932"/>
                  <a:pt x="264828" y="701757"/>
                </a:cubicBezTo>
                <a:cubicBezTo>
                  <a:pt x="259388" y="717582"/>
                  <a:pt x="250981" y="729946"/>
                  <a:pt x="239606" y="738848"/>
                </a:cubicBezTo>
                <a:cubicBezTo>
                  <a:pt x="228232" y="747749"/>
                  <a:pt x="213890" y="753684"/>
                  <a:pt x="196581" y="756651"/>
                </a:cubicBezTo>
                <a:cubicBezTo>
                  <a:pt x="179272" y="759618"/>
                  <a:pt x="158748" y="761102"/>
                  <a:pt x="135010" y="761102"/>
                </a:cubicBezTo>
                <a:cubicBezTo>
                  <a:pt x="111272" y="761102"/>
                  <a:pt x="90996" y="759618"/>
                  <a:pt x="74181" y="756651"/>
                </a:cubicBezTo>
                <a:cubicBezTo>
                  <a:pt x="57367" y="753684"/>
                  <a:pt x="43520" y="747749"/>
                  <a:pt x="32640" y="738848"/>
                </a:cubicBezTo>
                <a:cubicBezTo>
                  <a:pt x="21760" y="729946"/>
                  <a:pt x="13600" y="717582"/>
                  <a:pt x="8160" y="701757"/>
                </a:cubicBezTo>
                <a:cubicBezTo>
                  <a:pt x="2720" y="685932"/>
                  <a:pt x="0" y="665161"/>
                  <a:pt x="0" y="639445"/>
                </a:cubicBezTo>
                <a:cubicBezTo>
                  <a:pt x="0" y="609772"/>
                  <a:pt x="1483" y="582325"/>
                  <a:pt x="4451" y="557103"/>
                </a:cubicBezTo>
                <a:cubicBezTo>
                  <a:pt x="7418" y="531881"/>
                  <a:pt x="12116" y="507896"/>
                  <a:pt x="18545" y="485147"/>
                </a:cubicBezTo>
                <a:cubicBezTo>
                  <a:pt x="24974" y="462398"/>
                  <a:pt x="33876" y="439896"/>
                  <a:pt x="45251" y="417642"/>
                </a:cubicBezTo>
                <a:cubicBezTo>
                  <a:pt x="56625" y="395387"/>
                  <a:pt x="70225" y="371896"/>
                  <a:pt x="86050" y="347169"/>
                </a:cubicBezTo>
                <a:lnTo>
                  <a:pt x="286341" y="43025"/>
                </a:lnTo>
                <a:cubicBezTo>
                  <a:pt x="291286" y="35112"/>
                  <a:pt x="296726" y="28683"/>
                  <a:pt x="302661" y="23738"/>
                </a:cubicBezTo>
                <a:cubicBezTo>
                  <a:pt x="308595" y="18792"/>
                  <a:pt x="316013" y="14589"/>
                  <a:pt x="324915" y="11127"/>
                </a:cubicBezTo>
                <a:cubicBezTo>
                  <a:pt x="333817" y="7665"/>
                  <a:pt x="344449" y="4945"/>
                  <a:pt x="356813" y="2967"/>
                </a:cubicBezTo>
                <a:cubicBezTo>
                  <a:pt x="369177" y="989"/>
                  <a:pt x="384260" y="0"/>
                  <a:pt x="402064" y="0"/>
                </a:cubicBezTo>
                <a:close/>
              </a:path>
            </a:pathLst>
          </a:cu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noProof="1"/>
          </a:p>
        </p:txBody>
      </p:sp>
      <p:sp>
        <p:nvSpPr>
          <p:cNvPr id="8" name="Freeform: Shape 74">
            <a:extLst>
              <a:ext uri="{FF2B5EF4-FFF2-40B4-BE49-F238E27FC236}">
                <a16:creationId xmlns:a16="http://schemas.microsoft.com/office/drawing/2014/main" id="{F7C6F0DE-60CF-4656-AD38-C336D665F873}"/>
              </a:ext>
            </a:extLst>
          </p:cNvPr>
          <p:cNvSpPr/>
          <p:nvPr/>
        </p:nvSpPr>
        <p:spPr>
          <a:xfrm>
            <a:off x="5461184" y="3934166"/>
            <a:ext cx="924820" cy="937929"/>
          </a:xfrm>
          <a:custGeom>
            <a:avLst/>
            <a:gdLst>
              <a:gd name="connsiteX0" fmla="*/ 870232 w 1005242"/>
              <a:gd name="connsiteY0" fmla="*/ 0 h 761102"/>
              <a:gd name="connsiteX1" fmla="*/ 930319 w 1005242"/>
              <a:gd name="connsiteY1" fmla="*/ 4451 h 761102"/>
              <a:gd name="connsiteX2" fmla="*/ 972602 w 1005242"/>
              <a:gd name="connsiteY2" fmla="*/ 21512 h 761102"/>
              <a:gd name="connsiteX3" fmla="*/ 997082 w 1005242"/>
              <a:gd name="connsiteY3" fmla="*/ 57861 h 761102"/>
              <a:gd name="connsiteX4" fmla="*/ 1005242 w 1005242"/>
              <a:gd name="connsiteY4" fmla="*/ 120174 h 761102"/>
              <a:gd name="connsiteX5" fmla="*/ 1000792 w 1005242"/>
              <a:gd name="connsiteY5" fmla="*/ 203999 h 761102"/>
              <a:gd name="connsiteX6" fmla="*/ 986697 w 1005242"/>
              <a:gd name="connsiteY6" fmla="*/ 275955 h 761102"/>
              <a:gd name="connsiteX7" fmla="*/ 959992 w 1005242"/>
              <a:gd name="connsiteY7" fmla="*/ 343460 h 761102"/>
              <a:gd name="connsiteX8" fmla="*/ 919192 w 1005242"/>
              <a:gd name="connsiteY8" fmla="*/ 412449 h 761102"/>
              <a:gd name="connsiteX9" fmla="*/ 717418 w 1005242"/>
              <a:gd name="connsiteY9" fmla="*/ 716593 h 761102"/>
              <a:gd name="connsiteX10" fmla="*/ 701840 w 1005242"/>
              <a:gd name="connsiteY10" fmla="*/ 736622 h 761102"/>
              <a:gd name="connsiteX11" fmla="*/ 678844 w 1005242"/>
              <a:gd name="connsiteY11" fmla="*/ 749975 h 761102"/>
              <a:gd name="connsiteX12" fmla="*/ 647688 w 1005242"/>
              <a:gd name="connsiteY12" fmla="*/ 758135 h 761102"/>
              <a:gd name="connsiteX13" fmla="*/ 603179 w 1005242"/>
              <a:gd name="connsiteY13" fmla="*/ 761102 h 761102"/>
              <a:gd name="connsiteX14" fmla="*/ 563863 w 1005242"/>
              <a:gd name="connsiteY14" fmla="*/ 758877 h 761102"/>
              <a:gd name="connsiteX15" fmla="*/ 540124 w 1005242"/>
              <a:gd name="connsiteY15" fmla="*/ 750717 h 761102"/>
              <a:gd name="connsiteX16" fmla="*/ 531965 w 1005242"/>
              <a:gd name="connsiteY16" fmla="*/ 735880 h 761102"/>
              <a:gd name="connsiteX17" fmla="*/ 536415 w 1005242"/>
              <a:gd name="connsiteY17" fmla="*/ 713626 h 761102"/>
              <a:gd name="connsiteX18" fmla="*/ 732255 w 1005242"/>
              <a:gd name="connsiteY18" fmla="*/ 308595 h 761102"/>
              <a:gd name="connsiteX19" fmla="*/ 732255 w 1005242"/>
              <a:gd name="connsiteY19" fmla="*/ 120174 h 761102"/>
              <a:gd name="connsiteX20" fmla="*/ 739673 w 1005242"/>
              <a:gd name="connsiteY20" fmla="*/ 57861 h 761102"/>
              <a:gd name="connsiteX21" fmla="*/ 764153 w 1005242"/>
              <a:gd name="connsiteY21" fmla="*/ 21512 h 761102"/>
              <a:gd name="connsiteX22" fmla="*/ 807178 w 1005242"/>
              <a:gd name="connsiteY22" fmla="*/ 4451 h 761102"/>
              <a:gd name="connsiteX23" fmla="*/ 870232 w 1005242"/>
              <a:gd name="connsiteY23" fmla="*/ 0 h 761102"/>
              <a:gd name="connsiteX24" fmla="*/ 339093 w 1005242"/>
              <a:gd name="connsiteY24" fmla="*/ 0 h 761102"/>
              <a:gd name="connsiteX25" fmla="*/ 399921 w 1005242"/>
              <a:gd name="connsiteY25" fmla="*/ 4451 h 761102"/>
              <a:gd name="connsiteX26" fmla="*/ 441463 w 1005242"/>
              <a:gd name="connsiteY26" fmla="*/ 21512 h 761102"/>
              <a:gd name="connsiteX27" fmla="*/ 465943 w 1005242"/>
              <a:gd name="connsiteY27" fmla="*/ 57861 h 761102"/>
              <a:gd name="connsiteX28" fmla="*/ 474103 w 1005242"/>
              <a:gd name="connsiteY28" fmla="*/ 120174 h 761102"/>
              <a:gd name="connsiteX29" fmla="*/ 469652 w 1005242"/>
              <a:gd name="connsiteY29" fmla="*/ 203999 h 761102"/>
              <a:gd name="connsiteX30" fmla="*/ 455558 w 1005242"/>
              <a:gd name="connsiteY30" fmla="*/ 275955 h 761102"/>
              <a:gd name="connsiteX31" fmla="*/ 428852 w 1005242"/>
              <a:gd name="connsiteY31" fmla="*/ 343460 h 761102"/>
              <a:gd name="connsiteX32" fmla="*/ 388052 w 1005242"/>
              <a:gd name="connsiteY32" fmla="*/ 412449 h 761102"/>
              <a:gd name="connsiteX33" fmla="*/ 186279 w 1005242"/>
              <a:gd name="connsiteY33" fmla="*/ 716593 h 761102"/>
              <a:gd name="connsiteX34" fmla="*/ 170701 w 1005242"/>
              <a:gd name="connsiteY34" fmla="*/ 736622 h 761102"/>
              <a:gd name="connsiteX35" fmla="*/ 147704 w 1005242"/>
              <a:gd name="connsiteY35" fmla="*/ 749975 h 761102"/>
              <a:gd name="connsiteX36" fmla="*/ 116548 w 1005242"/>
              <a:gd name="connsiteY36" fmla="*/ 758135 h 761102"/>
              <a:gd name="connsiteX37" fmla="*/ 72039 w 1005242"/>
              <a:gd name="connsiteY37" fmla="*/ 761102 h 761102"/>
              <a:gd name="connsiteX38" fmla="*/ 31981 w 1005242"/>
              <a:gd name="connsiteY38" fmla="*/ 758877 h 761102"/>
              <a:gd name="connsiteX39" fmla="*/ 8243 w 1005242"/>
              <a:gd name="connsiteY39" fmla="*/ 750717 h 761102"/>
              <a:gd name="connsiteX40" fmla="*/ 83 w 1005242"/>
              <a:gd name="connsiteY40" fmla="*/ 735880 h 761102"/>
              <a:gd name="connsiteX41" fmla="*/ 5276 w 1005242"/>
              <a:gd name="connsiteY41" fmla="*/ 713626 h 761102"/>
              <a:gd name="connsiteX42" fmla="*/ 201115 w 1005242"/>
              <a:gd name="connsiteY42" fmla="*/ 308595 h 761102"/>
              <a:gd name="connsiteX43" fmla="*/ 201115 w 1005242"/>
              <a:gd name="connsiteY43" fmla="*/ 120174 h 761102"/>
              <a:gd name="connsiteX44" fmla="*/ 208533 w 1005242"/>
              <a:gd name="connsiteY44" fmla="*/ 57861 h 761102"/>
              <a:gd name="connsiteX45" fmla="*/ 233013 w 1005242"/>
              <a:gd name="connsiteY45" fmla="*/ 21512 h 761102"/>
              <a:gd name="connsiteX46" fmla="*/ 276038 w 1005242"/>
              <a:gd name="connsiteY46" fmla="*/ 4451 h 761102"/>
              <a:gd name="connsiteX47" fmla="*/ 339093 w 1005242"/>
              <a:gd name="connsiteY47" fmla="*/ 0 h 76110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Lst>
            <a:rect l="l" t="t" r="r" b="b"/>
            <a:pathLst>
              <a:path w="1005242" h="761102">
                <a:moveTo>
                  <a:pt x="870232" y="0"/>
                </a:moveTo>
                <a:cubicBezTo>
                  <a:pt x="892981" y="0"/>
                  <a:pt x="913010" y="1483"/>
                  <a:pt x="930319" y="4451"/>
                </a:cubicBezTo>
                <a:cubicBezTo>
                  <a:pt x="947628" y="7418"/>
                  <a:pt x="961723" y="13105"/>
                  <a:pt x="972602" y="21512"/>
                </a:cubicBezTo>
                <a:cubicBezTo>
                  <a:pt x="983483" y="29919"/>
                  <a:pt x="991643" y="42036"/>
                  <a:pt x="997082" y="57861"/>
                </a:cubicBezTo>
                <a:cubicBezTo>
                  <a:pt x="1002523" y="73687"/>
                  <a:pt x="1005242" y="94458"/>
                  <a:pt x="1005242" y="120174"/>
                </a:cubicBezTo>
                <a:cubicBezTo>
                  <a:pt x="1005242" y="150835"/>
                  <a:pt x="1003759" y="178777"/>
                  <a:pt x="1000792" y="203999"/>
                </a:cubicBezTo>
                <a:cubicBezTo>
                  <a:pt x="997824" y="229221"/>
                  <a:pt x="993126" y="253206"/>
                  <a:pt x="986697" y="275955"/>
                </a:cubicBezTo>
                <a:cubicBezTo>
                  <a:pt x="980268" y="298704"/>
                  <a:pt x="971366" y="321206"/>
                  <a:pt x="959992" y="343460"/>
                </a:cubicBezTo>
                <a:cubicBezTo>
                  <a:pt x="948618" y="365715"/>
                  <a:pt x="935018" y="388711"/>
                  <a:pt x="919192" y="412449"/>
                </a:cubicBezTo>
                <a:lnTo>
                  <a:pt x="717418" y="716593"/>
                </a:lnTo>
                <a:cubicBezTo>
                  <a:pt x="713462" y="724506"/>
                  <a:pt x="708269" y="731182"/>
                  <a:pt x="701840" y="736622"/>
                </a:cubicBezTo>
                <a:cubicBezTo>
                  <a:pt x="695411" y="742062"/>
                  <a:pt x="687746" y="746513"/>
                  <a:pt x="678844" y="749975"/>
                </a:cubicBezTo>
                <a:cubicBezTo>
                  <a:pt x="669942" y="753437"/>
                  <a:pt x="659557" y="756157"/>
                  <a:pt x="647688" y="758135"/>
                </a:cubicBezTo>
                <a:cubicBezTo>
                  <a:pt x="635819" y="760113"/>
                  <a:pt x="620982" y="761102"/>
                  <a:pt x="603179" y="761102"/>
                </a:cubicBezTo>
                <a:cubicBezTo>
                  <a:pt x="587354" y="761102"/>
                  <a:pt x="574248" y="760360"/>
                  <a:pt x="563863" y="758877"/>
                </a:cubicBezTo>
                <a:cubicBezTo>
                  <a:pt x="553477" y="757393"/>
                  <a:pt x="545565" y="754673"/>
                  <a:pt x="540124" y="750717"/>
                </a:cubicBezTo>
                <a:cubicBezTo>
                  <a:pt x="534685" y="746760"/>
                  <a:pt x="531965" y="741815"/>
                  <a:pt x="531965" y="735880"/>
                </a:cubicBezTo>
                <a:cubicBezTo>
                  <a:pt x="531965" y="729946"/>
                  <a:pt x="533448" y="722528"/>
                  <a:pt x="536415" y="713626"/>
                </a:cubicBezTo>
                <a:lnTo>
                  <a:pt x="732255" y="308595"/>
                </a:lnTo>
                <a:lnTo>
                  <a:pt x="732255" y="120174"/>
                </a:lnTo>
                <a:cubicBezTo>
                  <a:pt x="732255" y="94458"/>
                  <a:pt x="734728" y="73687"/>
                  <a:pt x="739673" y="57861"/>
                </a:cubicBezTo>
                <a:cubicBezTo>
                  <a:pt x="744618" y="42036"/>
                  <a:pt x="752778" y="29919"/>
                  <a:pt x="764153" y="21512"/>
                </a:cubicBezTo>
                <a:cubicBezTo>
                  <a:pt x="775527" y="13105"/>
                  <a:pt x="789869" y="7418"/>
                  <a:pt x="807178" y="4451"/>
                </a:cubicBezTo>
                <a:cubicBezTo>
                  <a:pt x="824487" y="1483"/>
                  <a:pt x="845505" y="0"/>
                  <a:pt x="870232" y="0"/>
                </a:cubicBezTo>
                <a:close/>
                <a:moveTo>
                  <a:pt x="339093" y="0"/>
                </a:moveTo>
                <a:cubicBezTo>
                  <a:pt x="362831" y="0"/>
                  <a:pt x="383107" y="1483"/>
                  <a:pt x="399921" y="4451"/>
                </a:cubicBezTo>
                <a:cubicBezTo>
                  <a:pt x="416736" y="7418"/>
                  <a:pt x="430583" y="13105"/>
                  <a:pt x="441463" y="21512"/>
                </a:cubicBezTo>
                <a:cubicBezTo>
                  <a:pt x="452343" y="29919"/>
                  <a:pt x="460503" y="42036"/>
                  <a:pt x="465943" y="57861"/>
                </a:cubicBezTo>
                <a:cubicBezTo>
                  <a:pt x="471383" y="73687"/>
                  <a:pt x="474103" y="94458"/>
                  <a:pt x="474103" y="120174"/>
                </a:cubicBezTo>
                <a:cubicBezTo>
                  <a:pt x="474103" y="150835"/>
                  <a:pt x="472619" y="178777"/>
                  <a:pt x="469652" y="203999"/>
                </a:cubicBezTo>
                <a:cubicBezTo>
                  <a:pt x="466685" y="229221"/>
                  <a:pt x="461987" y="253206"/>
                  <a:pt x="455558" y="275955"/>
                </a:cubicBezTo>
                <a:cubicBezTo>
                  <a:pt x="449129" y="298704"/>
                  <a:pt x="440227" y="321206"/>
                  <a:pt x="428852" y="343460"/>
                </a:cubicBezTo>
                <a:cubicBezTo>
                  <a:pt x="417478" y="365715"/>
                  <a:pt x="403878" y="388711"/>
                  <a:pt x="388052" y="412449"/>
                </a:cubicBezTo>
                <a:lnTo>
                  <a:pt x="186279" y="716593"/>
                </a:lnTo>
                <a:cubicBezTo>
                  <a:pt x="182322" y="724506"/>
                  <a:pt x="177130" y="731182"/>
                  <a:pt x="170701" y="736622"/>
                </a:cubicBezTo>
                <a:cubicBezTo>
                  <a:pt x="164272" y="742062"/>
                  <a:pt x="156606" y="746513"/>
                  <a:pt x="147704" y="749975"/>
                </a:cubicBezTo>
                <a:cubicBezTo>
                  <a:pt x="138803" y="753437"/>
                  <a:pt x="128417" y="756157"/>
                  <a:pt x="116548" y="758135"/>
                </a:cubicBezTo>
                <a:cubicBezTo>
                  <a:pt x="104679" y="760113"/>
                  <a:pt x="89843" y="761102"/>
                  <a:pt x="72039" y="761102"/>
                </a:cubicBezTo>
                <a:cubicBezTo>
                  <a:pt x="56214" y="761102"/>
                  <a:pt x="42861" y="760360"/>
                  <a:pt x="31981" y="758877"/>
                </a:cubicBezTo>
                <a:cubicBezTo>
                  <a:pt x="21101" y="757393"/>
                  <a:pt x="13189" y="754673"/>
                  <a:pt x="8243" y="750717"/>
                </a:cubicBezTo>
                <a:cubicBezTo>
                  <a:pt x="3298" y="746760"/>
                  <a:pt x="578" y="741815"/>
                  <a:pt x="83" y="735880"/>
                </a:cubicBezTo>
                <a:cubicBezTo>
                  <a:pt x="-411" y="729946"/>
                  <a:pt x="1320" y="722528"/>
                  <a:pt x="5276" y="713626"/>
                </a:cubicBezTo>
                <a:lnTo>
                  <a:pt x="201115" y="308595"/>
                </a:lnTo>
                <a:lnTo>
                  <a:pt x="201115" y="120174"/>
                </a:lnTo>
                <a:cubicBezTo>
                  <a:pt x="201115" y="94458"/>
                  <a:pt x="203588" y="73687"/>
                  <a:pt x="208533" y="57861"/>
                </a:cubicBezTo>
                <a:cubicBezTo>
                  <a:pt x="213479" y="42036"/>
                  <a:pt x="221639" y="29919"/>
                  <a:pt x="233013" y="21512"/>
                </a:cubicBezTo>
                <a:cubicBezTo>
                  <a:pt x="244388" y="13105"/>
                  <a:pt x="258729" y="7418"/>
                  <a:pt x="276038" y="4451"/>
                </a:cubicBezTo>
                <a:cubicBezTo>
                  <a:pt x="293348" y="1483"/>
                  <a:pt x="314366" y="0"/>
                  <a:pt x="339093" y="0"/>
                </a:cubicBezTo>
                <a:close/>
              </a:path>
            </a:pathLst>
          </a:cu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noProof="1"/>
          </a:p>
        </p:txBody>
      </p:sp>
      <p:sp>
        <p:nvSpPr>
          <p:cNvPr id="9" name="Dikdörtgen 8"/>
          <p:cNvSpPr/>
          <p:nvPr/>
        </p:nvSpPr>
        <p:spPr>
          <a:xfrm>
            <a:off x="628714" y="2364506"/>
            <a:ext cx="5539256" cy="1569660"/>
          </a:xfrm>
          <a:prstGeom prst="rect">
            <a:avLst/>
          </a:prstGeom>
        </p:spPr>
        <p:txBody>
          <a:bodyPr wrap="square">
            <a:spAutoFit/>
          </a:bodyPr>
          <a:lstStyle/>
          <a:p>
            <a:pPr algn="just"/>
            <a:r>
              <a:rPr lang="tr-TR" sz="3200" dirty="0">
                <a:solidFill>
                  <a:srgbClr val="000000"/>
                </a:solidFill>
                <a:latin typeface="Times New Roman" panose="02020603050405020304" pitchFamily="18" charset="0"/>
              </a:rPr>
              <a:t>«</a:t>
            </a:r>
            <a:r>
              <a:rPr lang="tr-TR" sz="3200" b="0" i="0" dirty="0">
                <a:solidFill>
                  <a:srgbClr val="000000"/>
                </a:solidFill>
                <a:effectLst/>
                <a:latin typeface="Times New Roman" panose="02020603050405020304" pitchFamily="18" charset="0"/>
              </a:rPr>
              <a:t>Allah’ın en sevdiği amel, az da olsa </a:t>
            </a:r>
            <a:r>
              <a:rPr lang="tr-TR" sz="3200" b="1" i="0" dirty="0">
                <a:solidFill>
                  <a:srgbClr val="000000"/>
                </a:solidFill>
                <a:effectLst/>
                <a:latin typeface="Times New Roman" panose="02020603050405020304" pitchFamily="18" charset="0"/>
              </a:rPr>
              <a:t>devamlı olanıdır</a:t>
            </a:r>
            <a:r>
              <a:rPr lang="tr-TR" sz="3200" b="0" i="0" dirty="0">
                <a:solidFill>
                  <a:srgbClr val="000000"/>
                </a:solidFill>
                <a:effectLst/>
                <a:latin typeface="Times New Roman" panose="02020603050405020304" pitchFamily="18" charset="0"/>
              </a:rPr>
              <a:t>»</a:t>
            </a:r>
          </a:p>
          <a:p>
            <a:pPr algn="r"/>
            <a:r>
              <a:rPr lang="tr-TR" sz="3200" dirty="0">
                <a:solidFill>
                  <a:srgbClr val="000000"/>
                </a:solidFill>
                <a:latin typeface="Times New Roman" panose="02020603050405020304" pitchFamily="18" charset="0"/>
              </a:rPr>
              <a:t>Hz. Muhammed (sav)</a:t>
            </a:r>
            <a:endParaRPr lang="tr-TR" sz="3200" b="0" i="0" dirty="0">
              <a:solidFill>
                <a:srgbClr val="000000"/>
              </a:solidFill>
              <a:effectLst/>
              <a:latin typeface="Times New Roman" panose="02020603050405020304" pitchFamily="18" charset="0"/>
            </a:endParaRPr>
          </a:p>
        </p:txBody>
      </p:sp>
      <p:grpSp>
        <p:nvGrpSpPr>
          <p:cNvPr id="10" name="Grup 9"/>
          <p:cNvGrpSpPr/>
          <p:nvPr/>
        </p:nvGrpSpPr>
        <p:grpSpPr>
          <a:xfrm>
            <a:off x="210120" y="5195946"/>
            <a:ext cx="7101777" cy="1034373"/>
            <a:chOff x="6084082" y="4195814"/>
            <a:chExt cx="5531566" cy="1085850"/>
          </a:xfrm>
        </p:grpSpPr>
        <p:sp>
          <p:nvSpPr>
            <p:cNvPr id="11" name="Dikdörtgen 53"/>
            <p:cNvSpPr/>
            <p:nvPr/>
          </p:nvSpPr>
          <p:spPr>
            <a:xfrm>
              <a:off x="6152320" y="4195814"/>
              <a:ext cx="5175321" cy="1009095"/>
            </a:xfrm>
            <a:custGeom>
              <a:avLst/>
              <a:gdLst>
                <a:gd name="connsiteX0" fmla="*/ 0 w 5011548"/>
                <a:gd name="connsiteY0" fmla="*/ 0 h 1009736"/>
                <a:gd name="connsiteX1" fmla="*/ 5011548 w 5011548"/>
                <a:gd name="connsiteY1" fmla="*/ 0 h 1009736"/>
                <a:gd name="connsiteX2" fmla="*/ 5011548 w 5011548"/>
                <a:gd name="connsiteY2" fmla="*/ 1009736 h 1009736"/>
                <a:gd name="connsiteX3" fmla="*/ 0 w 5011548"/>
                <a:gd name="connsiteY3" fmla="*/ 1009736 h 1009736"/>
                <a:gd name="connsiteX4" fmla="*/ 0 w 5011548"/>
                <a:gd name="connsiteY4" fmla="*/ 0 h 1009736"/>
                <a:gd name="connsiteX0" fmla="*/ 0 w 5011548"/>
                <a:gd name="connsiteY0" fmla="*/ 0 h 1009736"/>
                <a:gd name="connsiteX1" fmla="*/ 5011548 w 5011548"/>
                <a:gd name="connsiteY1" fmla="*/ 0 h 1009736"/>
                <a:gd name="connsiteX2" fmla="*/ 5011548 w 5011548"/>
                <a:gd name="connsiteY2" fmla="*/ 1009736 h 1009736"/>
                <a:gd name="connsiteX3" fmla="*/ 109182 w 5011548"/>
                <a:gd name="connsiteY3" fmla="*/ 1009736 h 1009736"/>
                <a:gd name="connsiteX4" fmla="*/ 0 w 5011548"/>
                <a:gd name="connsiteY4" fmla="*/ 0 h 1009736"/>
                <a:gd name="connsiteX0" fmla="*/ 13648 w 4902366"/>
                <a:gd name="connsiteY0" fmla="*/ 40943 h 1009736"/>
                <a:gd name="connsiteX1" fmla="*/ 4902366 w 4902366"/>
                <a:gd name="connsiteY1" fmla="*/ 0 h 1009736"/>
                <a:gd name="connsiteX2" fmla="*/ 4902366 w 4902366"/>
                <a:gd name="connsiteY2" fmla="*/ 1009736 h 1009736"/>
                <a:gd name="connsiteX3" fmla="*/ 0 w 4902366"/>
                <a:gd name="connsiteY3" fmla="*/ 1009736 h 1009736"/>
                <a:gd name="connsiteX4" fmla="*/ 13648 w 4902366"/>
                <a:gd name="connsiteY4" fmla="*/ 40943 h 1009736"/>
                <a:gd name="connsiteX0" fmla="*/ 0 w 4888718"/>
                <a:gd name="connsiteY0" fmla="*/ 40943 h 1009736"/>
                <a:gd name="connsiteX1" fmla="*/ 4888718 w 4888718"/>
                <a:gd name="connsiteY1" fmla="*/ 0 h 1009736"/>
                <a:gd name="connsiteX2" fmla="*/ 4888718 w 4888718"/>
                <a:gd name="connsiteY2" fmla="*/ 1009736 h 1009736"/>
                <a:gd name="connsiteX3" fmla="*/ 177421 w 4888718"/>
                <a:gd name="connsiteY3" fmla="*/ 955145 h 1009736"/>
                <a:gd name="connsiteX4" fmla="*/ 0 w 4888718"/>
                <a:gd name="connsiteY4" fmla="*/ 40943 h 1009736"/>
                <a:gd name="connsiteX0" fmla="*/ 0 w 5120730"/>
                <a:gd name="connsiteY0" fmla="*/ 40943 h 955145"/>
                <a:gd name="connsiteX1" fmla="*/ 4888718 w 5120730"/>
                <a:gd name="connsiteY1" fmla="*/ 0 h 955145"/>
                <a:gd name="connsiteX2" fmla="*/ 5120730 w 5120730"/>
                <a:gd name="connsiteY2" fmla="*/ 927850 h 955145"/>
                <a:gd name="connsiteX3" fmla="*/ 177421 w 5120730"/>
                <a:gd name="connsiteY3" fmla="*/ 955145 h 955145"/>
                <a:gd name="connsiteX4" fmla="*/ 0 w 5120730"/>
                <a:gd name="connsiteY4" fmla="*/ 40943 h 955145"/>
                <a:gd name="connsiteX0" fmla="*/ 0 w 5175321"/>
                <a:gd name="connsiteY0" fmla="*/ 95534 h 955145"/>
                <a:gd name="connsiteX1" fmla="*/ 4943309 w 5175321"/>
                <a:gd name="connsiteY1" fmla="*/ 0 h 955145"/>
                <a:gd name="connsiteX2" fmla="*/ 5175321 w 5175321"/>
                <a:gd name="connsiteY2" fmla="*/ 927850 h 955145"/>
                <a:gd name="connsiteX3" fmla="*/ 232012 w 5175321"/>
                <a:gd name="connsiteY3" fmla="*/ 955145 h 955145"/>
                <a:gd name="connsiteX4" fmla="*/ 0 w 5175321"/>
                <a:gd name="connsiteY4" fmla="*/ 95534 h 955145"/>
                <a:gd name="connsiteX0" fmla="*/ 0 w 5175321"/>
                <a:gd name="connsiteY0" fmla="*/ 95534 h 955145"/>
                <a:gd name="connsiteX1" fmla="*/ 4943309 w 5175321"/>
                <a:gd name="connsiteY1" fmla="*/ 0 h 955145"/>
                <a:gd name="connsiteX2" fmla="*/ 5175321 w 5175321"/>
                <a:gd name="connsiteY2" fmla="*/ 927850 h 955145"/>
                <a:gd name="connsiteX3" fmla="*/ 95534 w 5175321"/>
                <a:gd name="connsiteY3" fmla="*/ 955145 h 955145"/>
                <a:gd name="connsiteX4" fmla="*/ 0 w 5175321"/>
                <a:gd name="connsiteY4" fmla="*/ 95534 h 9551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75321" h="955145">
                  <a:moveTo>
                    <a:pt x="0" y="95534"/>
                  </a:moveTo>
                  <a:lnTo>
                    <a:pt x="4943309" y="0"/>
                  </a:lnTo>
                  <a:lnTo>
                    <a:pt x="5175321" y="927850"/>
                  </a:lnTo>
                  <a:lnTo>
                    <a:pt x="95534" y="955145"/>
                  </a:lnTo>
                  <a:lnTo>
                    <a:pt x="0" y="95534"/>
                  </a:lnTo>
                  <a:close/>
                </a:path>
              </a:pathLst>
            </a:custGeom>
            <a:solidFill>
              <a:schemeClr val="accent5">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dirty="0"/>
            </a:p>
          </p:txBody>
        </p:sp>
        <p:sp>
          <p:nvSpPr>
            <p:cNvPr id="12" name="Freeform: Shape 41">
              <a:extLst>
                <a:ext uri="{FF2B5EF4-FFF2-40B4-BE49-F238E27FC236}">
                  <a16:creationId xmlns:a16="http://schemas.microsoft.com/office/drawing/2014/main" id="{44C2CF05-A931-4333-B8E1-16B7A999BAB6}"/>
                </a:ext>
              </a:extLst>
            </p:cNvPr>
            <p:cNvSpPr>
              <a:spLocks/>
            </p:cNvSpPr>
            <p:nvPr/>
          </p:nvSpPr>
          <p:spPr bwMode="auto">
            <a:xfrm>
              <a:off x="6084082" y="4195814"/>
              <a:ext cx="5531566" cy="1085850"/>
            </a:xfrm>
            <a:custGeom>
              <a:avLst/>
              <a:gdLst>
                <a:gd name="connsiteX0" fmla="*/ 1319609 w 1838325"/>
                <a:gd name="connsiteY0" fmla="*/ 28575 h 1085850"/>
                <a:gd name="connsiteX1" fmla="*/ 1118791 w 1838325"/>
                <a:gd name="connsiteY1" fmla="*/ 30560 h 1085850"/>
                <a:gd name="connsiteX2" fmla="*/ 917575 w 1838325"/>
                <a:gd name="connsiteY2" fmla="*/ 36116 h 1085850"/>
                <a:gd name="connsiteX3" fmla="*/ 817562 w 1838325"/>
                <a:gd name="connsiteY3" fmla="*/ 40481 h 1085850"/>
                <a:gd name="connsiteX4" fmla="*/ 717550 w 1838325"/>
                <a:gd name="connsiteY4" fmla="*/ 45641 h 1085850"/>
                <a:gd name="connsiteX5" fmla="*/ 519112 w 1838325"/>
                <a:gd name="connsiteY5" fmla="*/ 58341 h 1085850"/>
                <a:gd name="connsiteX6" fmla="*/ 420290 w 1838325"/>
                <a:gd name="connsiteY6" fmla="*/ 66675 h 1085850"/>
                <a:gd name="connsiteX7" fmla="*/ 319087 w 1838325"/>
                <a:gd name="connsiteY7" fmla="*/ 75406 h 1085850"/>
                <a:gd name="connsiteX8" fmla="*/ 217487 w 1838325"/>
                <a:gd name="connsiteY8" fmla="*/ 84931 h 1085850"/>
                <a:gd name="connsiteX9" fmla="*/ 168672 w 1838325"/>
                <a:gd name="connsiteY9" fmla="*/ 90885 h 1085850"/>
                <a:gd name="connsiteX10" fmla="*/ 94853 w 1838325"/>
                <a:gd name="connsiteY10" fmla="*/ 98822 h 1085850"/>
                <a:gd name="connsiteX11" fmla="*/ 45244 w 1838325"/>
                <a:gd name="connsiteY11" fmla="*/ 101997 h 1085850"/>
                <a:gd name="connsiteX12" fmla="*/ 20637 w 1838325"/>
                <a:gd name="connsiteY12" fmla="*/ 101997 h 1085850"/>
                <a:gd name="connsiteX13" fmla="*/ 28178 w 1838325"/>
                <a:gd name="connsiteY13" fmla="*/ 157163 h 1085850"/>
                <a:gd name="connsiteX14" fmla="*/ 37703 w 1838325"/>
                <a:gd name="connsiteY14" fmla="*/ 269081 h 1085850"/>
                <a:gd name="connsiteX15" fmla="*/ 44847 w 1838325"/>
                <a:gd name="connsiteY15" fmla="*/ 438150 h 1085850"/>
                <a:gd name="connsiteX16" fmla="*/ 49609 w 1838325"/>
                <a:gd name="connsiteY16" fmla="*/ 550069 h 1085850"/>
                <a:gd name="connsiteX17" fmla="*/ 60722 w 1838325"/>
                <a:gd name="connsiteY17" fmla="*/ 783035 h 1085850"/>
                <a:gd name="connsiteX18" fmla="*/ 70644 w 1838325"/>
                <a:gd name="connsiteY18" fmla="*/ 1016000 h 1085850"/>
                <a:gd name="connsiteX19" fmla="*/ 119459 w 1838325"/>
                <a:gd name="connsiteY19" fmla="*/ 1008856 h 1085850"/>
                <a:gd name="connsiteX20" fmla="*/ 217487 w 1838325"/>
                <a:gd name="connsiteY20" fmla="*/ 999331 h 1085850"/>
                <a:gd name="connsiteX21" fmla="*/ 365125 w 1838325"/>
                <a:gd name="connsiteY21" fmla="*/ 989806 h 1085850"/>
                <a:gd name="connsiteX22" fmla="*/ 463947 w 1838325"/>
                <a:gd name="connsiteY22" fmla="*/ 986235 h 1085850"/>
                <a:gd name="connsiteX23" fmla="*/ 668337 w 1838325"/>
                <a:gd name="connsiteY23" fmla="*/ 978694 h 1085850"/>
                <a:gd name="connsiteX24" fmla="*/ 872331 w 1838325"/>
                <a:gd name="connsiteY24" fmla="*/ 970360 h 1085850"/>
                <a:gd name="connsiteX25" fmla="*/ 1288653 w 1838325"/>
                <a:gd name="connsiteY25" fmla="*/ 954088 h 1085850"/>
                <a:gd name="connsiteX26" fmla="*/ 1704975 w 1838325"/>
                <a:gd name="connsiteY26" fmla="*/ 937816 h 1085850"/>
                <a:gd name="connsiteX27" fmla="*/ 1700609 w 1838325"/>
                <a:gd name="connsiteY27" fmla="*/ 911622 h 1085850"/>
                <a:gd name="connsiteX28" fmla="*/ 1695053 w 1838325"/>
                <a:gd name="connsiteY28" fmla="*/ 859631 h 1085850"/>
                <a:gd name="connsiteX29" fmla="*/ 1690291 w 1838325"/>
                <a:gd name="connsiteY29" fmla="*/ 781050 h 1085850"/>
                <a:gd name="connsiteX30" fmla="*/ 1687116 w 1838325"/>
                <a:gd name="connsiteY30" fmla="*/ 728663 h 1085850"/>
                <a:gd name="connsiteX31" fmla="*/ 1679178 w 1838325"/>
                <a:gd name="connsiteY31" fmla="*/ 611188 h 1085850"/>
                <a:gd name="connsiteX32" fmla="*/ 1670447 w 1838325"/>
                <a:gd name="connsiteY32" fmla="*/ 494110 h 1085850"/>
                <a:gd name="connsiteX33" fmla="*/ 1660525 w 1838325"/>
                <a:gd name="connsiteY33" fmla="*/ 378222 h 1085850"/>
                <a:gd name="connsiteX34" fmla="*/ 1639491 w 1838325"/>
                <a:gd name="connsiteY34" fmla="*/ 146844 h 1085850"/>
                <a:gd name="connsiteX35" fmla="*/ 1627584 w 1838325"/>
                <a:gd name="connsiteY35" fmla="*/ 30956 h 1085850"/>
                <a:gd name="connsiteX36" fmla="*/ 1625203 w 1838325"/>
                <a:gd name="connsiteY36" fmla="*/ 32147 h 1085850"/>
                <a:gd name="connsiteX37" fmla="*/ 1621631 w 1838325"/>
                <a:gd name="connsiteY37" fmla="*/ 32544 h 1085850"/>
                <a:gd name="connsiteX38" fmla="*/ 1520825 w 1838325"/>
                <a:gd name="connsiteY38" fmla="*/ 30163 h 1085850"/>
                <a:gd name="connsiteX39" fmla="*/ 1316150 w 1838325"/>
                <a:gd name="connsiteY39" fmla="*/ 0 h 1085850"/>
                <a:gd name="connsiteX40" fmla="*/ 1519306 w 1838325"/>
                <a:gd name="connsiteY40" fmla="*/ 1589 h 1085850"/>
                <a:gd name="connsiteX41" fmla="*/ 1621281 w 1838325"/>
                <a:gd name="connsiteY41" fmla="*/ 3575 h 1085850"/>
                <a:gd name="connsiteX42" fmla="*/ 1625646 w 1838325"/>
                <a:gd name="connsiteY42" fmla="*/ 3972 h 1085850"/>
                <a:gd name="connsiteX43" fmla="*/ 1628820 w 1838325"/>
                <a:gd name="connsiteY43" fmla="*/ 5958 h 1085850"/>
                <a:gd name="connsiteX44" fmla="*/ 1632788 w 1838325"/>
                <a:gd name="connsiteY44" fmla="*/ 3575 h 1085850"/>
                <a:gd name="connsiteX45" fmla="*/ 1644295 w 1838325"/>
                <a:gd name="connsiteY45" fmla="*/ 3575 h 1085850"/>
                <a:gd name="connsiteX46" fmla="*/ 1649057 w 1838325"/>
                <a:gd name="connsiteY46" fmla="*/ 6355 h 1085850"/>
                <a:gd name="connsiteX47" fmla="*/ 1651834 w 1838325"/>
                <a:gd name="connsiteY47" fmla="*/ 5163 h 1085850"/>
                <a:gd name="connsiteX48" fmla="*/ 1658183 w 1838325"/>
                <a:gd name="connsiteY48" fmla="*/ 5958 h 1085850"/>
                <a:gd name="connsiteX49" fmla="*/ 1661357 w 1838325"/>
                <a:gd name="connsiteY49" fmla="*/ 9135 h 1085850"/>
                <a:gd name="connsiteX50" fmla="*/ 1676832 w 1838325"/>
                <a:gd name="connsiteY50" fmla="*/ 28596 h 1085850"/>
                <a:gd name="connsiteX51" fmla="*/ 1694291 w 1838325"/>
                <a:gd name="connsiteY51" fmla="*/ 46866 h 1085850"/>
                <a:gd name="connsiteX52" fmla="*/ 1704607 w 1838325"/>
                <a:gd name="connsiteY52" fmla="*/ 55603 h 1085850"/>
                <a:gd name="connsiteX53" fmla="*/ 1715320 w 1838325"/>
                <a:gd name="connsiteY53" fmla="*/ 65930 h 1085850"/>
                <a:gd name="connsiteX54" fmla="*/ 1720875 w 1838325"/>
                <a:gd name="connsiteY54" fmla="*/ 65135 h 1085850"/>
                <a:gd name="connsiteX55" fmla="*/ 1729208 w 1838325"/>
                <a:gd name="connsiteY55" fmla="*/ 69901 h 1085850"/>
                <a:gd name="connsiteX56" fmla="*/ 1732382 w 1838325"/>
                <a:gd name="connsiteY56" fmla="*/ 75462 h 1085850"/>
                <a:gd name="connsiteX57" fmla="*/ 1732779 w 1838325"/>
                <a:gd name="connsiteY57" fmla="*/ 78639 h 1085850"/>
                <a:gd name="connsiteX58" fmla="*/ 1745476 w 1838325"/>
                <a:gd name="connsiteY58" fmla="*/ 195803 h 1085850"/>
                <a:gd name="connsiteX59" fmla="*/ 1768093 w 1838325"/>
                <a:gd name="connsiteY59" fmla="*/ 430130 h 1085850"/>
                <a:gd name="connsiteX60" fmla="*/ 1781187 w 1838325"/>
                <a:gd name="connsiteY60" fmla="*/ 547691 h 1085850"/>
                <a:gd name="connsiteX61" fmla="*/ 1810947 w 1838325"/>
                <a:gd name="connsiteY61" fmla="*/ 780827 h 1085850"/>
                <a:gd name="connsiteX62" fmla="*/ 1838325 w 1838325"/>
                <a:gd name="connsiteY62" fmla="*/ 1013963 h 1085850"/>
                <a:gd name="connsiteX63" fmla="*/ 1838325 w 1838325"/>
                <a:gd name="connsiteY63" fmla="*/ 1017141 h 1085850"/>
                <a:gd name="connsiteX64" fmla="*/ 1835547 w 1838325"/>
                <a:gd name="connsiteY64" fmla="*/ 1021509 h 1085850"/>
                <a:gd name="connsiteX65" fmla="*/ 1833167 w 1838325"/>
                <a:gd name="connsiteY65" fmla="*/ 1022701 h 1085850"/>
                <a:gd name="connsiteX66" fmla="*/ 1830786 w 1838325"/>
                <a:gd name="connsiteY66" fmla="*/ 1025481 h 1085850"/>
                <a:gd name="connsiteX67" fmla="*/ 1824834 w 1838325"/>
                <a:gd name="connsiteY67" fmla="*/ 1028261 h 1085850"/>
                <a:gd name="connsiteX68" fmla="*/ 1821263 w 1838325"/>
                <a:gd name="connsiteY68" fmla="*/ 1029056 h 1085850"/>
                <a:gd name="connsiteX69" fmla="*/ 1397889 w 1838325"/>
                <a:gd name="connsiteY69" fmla="*/ 1043354 h 1085850"/>
                <a:gd name="connsiteX70" fmla="*/ 974515 w 1838325"/>
                <a:gd name="connsiteY70" fmla="*/ 1057254 h 1085850"/>
                <a:gd name="connsiteX71" fmla="*/ 765010 w 1838325"/>
                <a:gd name="connsiteY71" fmla="*/ 1064403 h 1085850"/>
                <a:gd name="connsiteX72" fmla="*/ 555505 w 1838325"/>
                <a:gd name="connsiteY72" fmla="*/ 1071155 h 1085850"/>
                <a:gd name="connsiteX73" fmla="*/ 451943 w 1838325"/>
                <a:gd name="connsiteY73" fmla="*/ 1075921 h 1085850"/>
                <a:gd name="connsiteX74" fmla="*/ 296402 w 1838325"/>
                <a:gd name="connsiteY74" fmla="*/ 1082276 h 1085850"/>
                <a:gd name="connsiteX75" fmla="*/ 192840 w 1838325"/>
                <a:gd name="connsiteY75" fmla="*/ 1083070 h 1085850"/>
                <a:gd name="connsiteX76" fmla="*/ 141654 w 1838325"/>
                <a:gd name="connsiteY76" fmla="*/ 1080687 h 1085850"/>
                <a:gd name="connsiteX77" fmla="*/ 138480 w 1838325"/>
                <a:gd name="connsiteY77" fmla="*/ 1083864 h 1085850"/>
                <a:gd name="connsiteX78" fmla="*/ 129750 w 1838325"/>
                <a:gd name="connsiteY78" fmla="*/ 1085850 h 1085850"/>
                <a:gd name="connsiteX79" fmla="*/ 124989 w 1838325"/>
                <a:gd name="connsiteY79" fmla="*/ 1084659 h 1085850"/>
                <a:gd name="connsiteX80" fmla="*/ 107530 w 1838325"/>
                <a:gd name="connsiteY80" fmla="*/ 1073141 h 1085850"/>
                <a:gd name="connsiteX81" fmla="*/ 90468 w 1838325"/>
                <a:gd name="connsiteY81" fmla="*/ 1060432 h 1085850"/>
                <a:gd name="connsiteX82" fmla="*/ 74200 w 1838325"/>
                <a:gd name="connsiteY82" fmla="*/ 1050105 h 1085850"/>
                <a:gd name="connsiteX83" fmla="*/ 57535 w 1838325"/>
                <a:gd name="connsiteY83" fmla="*/ 1039382 h 1085850"/>
                <a:gd name="connsiteX84" fmla="*/ 55154 w 1838325"/>
                <a:gd name="connsiteY84" fmla="*/ 1039382 h 1085850"/>
                <a:gd name="connsiteX85" fmla="*/ 50392 w 1838325"/>
                <a:gd name="connsiteY85" fmla="*/ 1035410 h 1085850"/>
                <a:gd name="connsiteX86" fmla="*/ 49599 w 1838325"/>
                <a:gd name="connsiteY86" fmla="*/ 1033027 h 1085850"/>
                <a:gd name="connsiteX87" fmla="*/ 46821 w 1838325"/>
                <a:gd name="connsiteY87" fmla="*/ 1031041 h 1085850"/>
                <a:gd name="connsiteX88" fmla="*/ 43250 w 1838325"/>
                <a:gd name="connsiteY88" fmla="*/ 1025481 h 1085850"/>
                <a:gd name="connsiteX89" fmla="*/ 42853 w 1838325"/>
                <a:gd name="connsiteY89" fmla="*/ 1021509 h 1085850"/>
                <a:gd name="connsiteX90" fmla="*/ 32934 w 1838325"/>
                <a:gd name="connsiteY90" fmla="*/ 789962 h 1085850"/>
                <a:gd name="connsiteX91" fmla="*/ 21824 w 1838325"/>
                <a:gd name="connsiteY91" fmla="*/ 558415 h 1085850"/>
                <a:gd name="connsiteX92" fmla="*/ 14285 w 1838325"/>
                <a:gd name="connsiteY92" fmla="*/ 443237 h 1085850"/>
                <a:gd name="connsiteX93" fmla="*/ 3175 w 1838325"/>
                <a:gd name="connsiteY93" fmla="*/ 268881 h 1085850"/>
                <a:gd name="connsiteX94" fmla="*/ 0 w 1838325"/>
                <a:gd name="connsiteY94" fmla="*/ 152909 h 1085850"/>
                <a:gd name="connsiteX95" fmla="*/ 1587 w 1838325"/>
                <a:gd name="connsiteY95" fmla="*/ 95717 h 1085850"/>
                <a:gd name="connsiteX96" fmla="*/ 2778 w 1838325"/>
                <a:gd name="connsiteY96" fmla="*/ 91348 h 1085850"/>
                <a:gd name="connsiteX97" fmla="*/ 8730 w 1838325"/>
                <a:gd name="connsiteY97" fmla="*/ 86979 h 1085850"/>
                <a:gd name="connsiteX98" fmla="*/ 13094 w 1838325"/>
                <a:gd name="connsiteY98" fmla="*/ 86979 h 1085850"/>
                <a:gd name="connsiteX99" fmla="*/ 13491 w 1838325"/>
                <a:gd name="connsiteY99" fmla="*/ 86185 h 1085850"/>
                <a:gd name="connsiteX100" fmla="*/ 13888 w 1838325"/>
                <a:gd name="connsiteY100" fmla="*/ 86185 h 1085850"/>
                <a:gd name="connsiteX101" fmla="*/ 60709 w 1838325"/>
                <a:gd name="connsiteY101" fmla="*/ 75064 h 1085850"/>
                <a:gd name="connsiteX102" fmla="*/ 157922 w 1838325"/>
                <a:gd name="connsiteY102" fmla="*/ 59575 h 1085850"/>
                <a:gd name="connsiteX103" fmla="*/ 305925 w 1838325"/>
                <a:gd name="connsiteY103" fmla="*/ 47263 h 1085850"/>
                <a:gd name="connsiteX104" fmla="*/ 403138 w 1838325"/>
                <a:gd name="connsiteY104" fmla="*/ 40114 h 1085850"/>
                <a:gd name="connsiteX105" fmla="*/ 504716 w 1838325"/>
                <a:gd name="connsiteY105" fmla="*/ 31376 h 1085850"/>
                <a:gd name="connsiteX106" fmla="*/ 707079 w 1838325"/>
                <a:gd name="connsiteY106" fmla="*/ 17873 h 1085850"/>
                <a:gd name="connsiteX107" fmla="*/ 808657 w 1838325"/>
                <a:gd name="connsiteY107" fmla="*/ 12312 h 1085850"/>
                <a:gd name="connsiteX108" fmla="*/ 909838 w 1838325"/>
                <a:gd name="connsiteY108" fmla="*/ 7944 h 1085850"/>
                <a:gd name="connsiteX109" fmla="*/ 1112994 w 1838325"/>
                <a:gd name="connsiteY109" fmla="*/ 1986 h 10858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Lst>
              <a:rect l="l" t="t" r="r" b="b"/>
              <a:pathLst>
                <a:path w="1838325" h="1085850">
                  <a:moveTo>
                    <a:pt x="1319609" y="28575"/>
                  </a:moveTo>
                  <a:lnTo>
                    <a:pt x="1118791" y="30560"/>
                  </a:lnTo>
                  <a:lnTo>
                    <a:pt x="917575" y="36116"/>
                  </a:lnTo>
                  <a:lnTo>
                    <a:pt x="817562" y="40481"/>
                  </a:lnTo>
                  <a:lnTo>
                    <a:pt x="717550" y="45641"/>
                  </a:lnTo>
                  <a:lnTo>
                    <a:pt x="519112" y="58341"/>
                  </a:lnTo>
                  <a:lnTo>
                    <a:pt x="420290" y="66675"/>
                  </a:lnTo>
                  <a:lnTo>
                    <a:pt x="319087" y="75406"/>
                  </a:lnTo>
                  <a:lnTo>
                    <a:pt x="217487" y="84931"/>
                  </a:lnTo>
                  <a:lnTo>
                    <a:pt x="168672" y="90885"/>
                  </a:lnTo>
                  <a:lnTo>
                    <a:pt x="94853" y="98822"/>
                  </a:lnTo>
                  <a:lnTo>
                    <a:pt x="45244" y="101997"/>
                  </a:lnTo>
                  <a:lnTo>
                    <a:pt x="20637" y="101997"/>
                  </a:lnTo>
                  <a:lnTo>
                    <a:pt x="28178" y="157163"/>
                  </a:lnTo>
                  <a:lnTo>
                    <a:pt x="37703" y="269081"/>
                  </a:lnTo>
                  <a:lnTo>
                    <a:pt x="44847" y="438150"/>
                  </a:lnTo>
                  <a:lnTo>
                    <a:pt x="49609" y="550069"/>
                  </a:lnTo>
                  <a:lnTo>
                    <a:pt x="60722" y="783035"/>
                  </a:lnTo>
                  <a:lnTo>
                    <a:pt x="70644" y="1016000"/>
                  </a:lnTo>
                  <a:lnTo>
                    <a:pt x="119459" y="1008856"/>
                  </a:lnTo>
                  <a:lnTo>
                    <a:pt x="217487" y="999331"/>
                  </a:lnTo>
                  <a:lnTo>
                    <a:pt x="365125" y="989806"/>
                  </a:lnTo>
                  <a:lnTo>
                    <a:pt x="463947" y="986235"/>
                  </a:lnTo>
                  <a:lnTo>
                    <a:pt x="668337" y="978694"/>
                  </a:lnTo>
                  <a:lnTo>
                    <a:pt x="872331" y="970360"/>
                  </a:lnTo>
                  <a:lnTo>
                    <a:pt x="1288653" y="954088"/>
                  </a:lnTo>
                  <a:lnTo>
                    <a:pt x="1704975" y="937816"/>
                  </a:lnTo>
                  <a:lnTo>
                    <a:pt x="1700609" y="911622"/>
                  </a:lnTo>
                  <a:lnTo>
                    <a:pt x="1695053" y="859631"/>
                  </a:lnTo>
                  <a:lnTo>
                    <a:pt x="1690291" y="781050"/>
                  </a:lnTo>
                  <a:lnTo>
                    <a:pt x="1687116" y="728663"/>
                  </a:lnTo>
                  <a:lnTo>
                    <a:pt x="1679178" y="611188"/>
                  </a:lnTo>
                  <a:lnTo>
                    <a:pt x="1670447" y="494110"/>
                  </a:lnTo>
                  <a:lnTo>
                    <a:pt x="1660525" y="378222"/>
                  </a:lnTo>
                  <a:lnTo>
                    <a:pt x="1639491" y="146844"/>
                  </a:lnTo>
                  <a:lnTo>
                    <a:pt x="1627584" y="30956"/>
                  </a:lnTo>
                  <a:lnTo>
                    <a:pt x="1625203" y="32147"/>
                  </a:lnTo>
                  <a:lnTo>
                    <a:pt x="1621631" y="32544"/>
                  </a:lnTo>
                  <a:lnTo>
                    <a:pt x="1520825" y="30163"/>
                  </a:lnTo>
                  <a:close/>
                  <a:moveTo>
                    <a:pt x="1316150" y="0"/>
                  </a:moveTo>
                  <a:lnTo>
                    <a:pt x="1519306" y="1589"/>
                  </a:lnTo>
                  <a:lnTo>
                    <a:pt x="1621281" y="3575"/>
                  </a:lnTo>
                  <a:lnTo>
                    <a:pt x="1625646" y="3972"/>
                  </a:lnTo>
                  <a:lnTo>
                    <a:pt x="1628820" y="5958"/>
                  </a:lnTo>
                  <a:lnTo>
                    <a:pt x="1632788" y="3575"/>
                  </a:lnTo>
                  <a:lnTo>
                    <a:pt x="1644295" y="3575"/>
                  </a:lnTo>
                  <a:lnTo>
                    <a:pt x="1649057" y="6355"/>
                  </a:lnTo>
                  <a:lnTo>
                    <a:pt x="1651834" y="5163"/>
                  </a:lnTo>
                  <a:lnTo>
                    <a:pt x="1658183" y="5958"/>
                  </a:lnTo>
                  <a:lnTo>
                    <a:pt x="1661357" y="9135"/>
                  </a:lnTo>
                  <a:lnTo>
                    <a:pt x="1676832" y="28596"/>
                  </a:lnTo>
                  <a:lnTo>
                    <a:pt x="1694291" y="46866"/>
                  </a:lnTo>
                  <a:lnTo>
                    <a:pt x="1704607" y="55603"/>
                  </a:lnTo>
                  <a:lnTo>
                    <a:pt x="1715320" y="65930"/>
                  </a:lnTo>
                  <a:lnTo>
                    <a:pt x="1720875" y="65135"/>
                  </a:lnTo>
                  <a:lnTo>
                    <a:pt x="1729208" y="69901"/>
                  </a:lnTo>
                  <a:lnTo>
                    <a:pt x="1732382" y="75462"/>
                  </a:lnTo>
                  <a:lnTo>
                    <a:pt x="1732779" y="78639"/>
                  </a:lnTo>
                  <a:lnTo>
                    <a:pt x="1745476" y="195803"/>
                  </a:lnTo>
                  <a:lnTo>
                    <a:pt x="1768093" y="430130"/>
                  </a:lnTo>
                  <a:lnTo>
                    <a:pt x="1781187" y="547691"/>
                  </a:lnTo>
                  <a:lnTo>
                    <a:pt x="1810947" y="780827"/>
                  </a:lnTo>
                  <a:lnTo>
                    <a:pt x="1838325" y="1013963"/>
                  </a:lnTo>
                  <a:lnTo>
                    <a:pt x="1838325" y="1017141"/>
                  </a:lnTo>
                  <a:lnTo>
                    <a:pt x="1835547" y="1021509"/>
                  </a:lnTo>
                  <a:lnTo>
                    <a:pt x="1833167" y="1022701"/>
                  </a:lnTo>
                  <a:lnTo>
                    <a:pt x="1830786" y="1025481"/>
                  </a:lnTo>
                  <a:lnTo>
                    <a:pt x="1824834" y="1028261"/>
                  </a:lnTo>
                  <a:lnTo>
                    <a:pt x="1821263" y="1029056"/>
                  </a:lnTo>
                  <a:lnTo>
                    <a:pt x="1397889" y="1043354"/>
                  </a:lnTo>
                  <a:lnTo>
                    <a:pt x="974515" y="1057254"/>
                  </a:lnTo>
                  <a:lnTo>
                    <a:pt x="765010" y="1064403"/>
                  </a:lnTo>
                  <a:lnTo>
                    <a:pt x="555505" y="1071155"/>
                  </a:lnTo>
                  <a:lnTo>
                    <a:pt x="451943" y="1075921"/>
                  </a:lnTo>
                  <a:lnTo>
                    <a:pt x="296402" y="1082276"/>
                  </a:lnTo>
                  <a:lnTo>
                    <a:pt x="192840" y="1083070"/>
                  </a:lnTo>
                  <a:lnTo>
                    <a:pt x="141654" y="1080687"/>
                  </a:lnTo>
                  <a:lnTo>
                    <a:pt x="138480" y="1083864"/>
                  </a:lnTo>
                  <a:lnTo>
                    <a:pt x="129750" y="1085850"/>
                  </a:lnTo>
                  <a:lnTo>
                    <a:pt x="124989" y="1084659"/>
                  </a:lnTo>
                  <a:lnTo>
                    <a:pt x="107530" y="1073141"/>
                  </a:lnTo>
                  <a:lnTo>
                    <a:pt x="90468" y="1060432"/>
                  </a:lnTo>
                  <a:lnTo>
                    <a:pt x="74200" y="1050105"/>
                  </a:lnTo>
                  <a:lnTo>
                    <a:pt x="57535" y="1039382"/>
                  </a:lnTo>
                  <a:lnTo>
                    <a:pt x="55154" y="1039382"/>
                  </a:lnTo>
                  <a:lnTo>
                    <a:pt x="50392" y="1035410"/>
                  </a:lnTo>
                  <a:lnTo>
                    <a:pt x="49599" y="1033027"/>
                  </a:lnTo>
                  <a:lnTo>
                    <a:pt x="46821" y="1031041"/>
                  </a:lnTo>
                  <a:lnTo>
                    <a:pt x="43250" y="1025481"/>
                  </a:lnTo>
                  <a:lnTo>
                    <a:pt x="42853" y="1021509"/>
                  </a:lnTo>
                  <a:lnTo>
                    <a:pt x="32934" y="789962"/>
                  </a:lnTo>
                  <a:lnTo>
                    <a:pt x="21824" y="558415"/>
                  </a:lnTo>
                  <a:lnTo>
                    <a:pt x="14285" y="443237"/>
                  </a:lnTo>
                  <a:lnTo>
                    <a:pt x="3175" y="268881"/>
                  </a:lnTo>
                  <a:lnTo>
                    <a:pt x="0" y="152909"/>
                  </a:lnTo>
                  <a:lnTo>
                    <a:pt x="1587" y="95717"/>
                  </a:lnTo>
                  <a:lnTo>
                    <a:pt x="2778" y="91348"/>
                  </a:lnTo>
                  <a:lnTo>
                    <a:pt x="8730" y="86979"/>
                  </a:lnTo>
                  <a:lnTo>
                    <a:pt x="13094" y="86979"/>
                  </a:lnTo>
                  <a:lnTo>
                    <a:pt x="13491" y="86185"/>
                  </a:lnTo>
                  <a:lnTo>
                    <a:pt x="13888" y="86185"/>
                  </a:lnTo>
                  <a:lnTo>
                    <a:pt x="60709" y="75064"/>
                  </a:lnTo>
                  <a:lnTo>
                    <a:pt x="157922" y="59575"/>
                  </a:lnTo>
                  <a:lnTo>
                    <a:pt x="305925" y="47263"/>
                  </a:lnTo>
                  <a:lnTo>
                    <a:pt x="403138" y="40114"/>
                  </a:lnTo>
                  <a:lnTo>
                    <a:pt x="504716" y="31376"/>
                  </a:lnTo>
                  <a:lnTo>
                    <a:pt x="707079" y="17873"/>
                  </a:lnTo>
                  <a:lnTo>
                    <a:pt x="808657" y="12312"/>
                  </a:lnTo>
                  <a:lnTo>
                    <a:pt x="909838" y="7944"/>
                  </a:lnTo>
                  <a:lnTo>
                    <a:pt x="1112994" y="1986"/>
                  </a:lnTo>
                  <a:close/>
                </a:path>
              </a:pathLst>
            </a:custGeom>
            <a:solidFill>
              <a:schemeClr val="accent5"/>
            </a:solidFill>
            <a:ln w="9525">
              <a:noFill/>
              <a:round/>
              <a:headEnd/>
              <a:tailEnd/>
            </a:ln>
          </p:spPr>
          <p:txBody>
            <a:bodyPr vert="horz" wrap="square" lIns="91440" tIns="45720" rIns="91440" bIns="45720" numCol="1" anchor="t" anchorCtr="0" compatLnSpc="1">
              <a:prstTxWarp prst="textNoShape">
                <a:avLst/>
              </a:prstTxWarp>
              <a:noAutofit/>
            </a:bodyPr>
            <a:lstStyle/>
            <a:p>
              <a:endParaRPr lang="en-US" dirty="0"/>
            </a:p>
          </p:txBody>
        </p:sp>
      </p:grpSp>
      <p:sp>
        <p:nvSpPr>
          <p:cNvPr id="13" name="Dikdörtgen 12"/>
          <p:cNvSpPr/>
          <p:nvPr/>
        </p:nvSpPr>
        <p:spPr>
          <a:xfrm>
            <a:off x="480019" y="5413255"/>
            <a:ext cx="6069492" cy="584775"/>
          </a:xfrm>
          <a:prstGeom prst="rect">
            <a:avLst/>
          </a:prstGeom>
        </p:spPr>
        <p:txBody>
          <a:bodyPr wrap="square">
            <a:spAutoFit/>
          </a:bodyPr>
          <a:lstStyle/>
          <a:p>
            <a:r>
              <a:rPr lang="tr-TR" sz="3200" b="0" i="0" dirty="0">
                <a:solidFill>
                  <a:srgbClr val="000000"/>
                </a:solidFill>
                <a:effectLst/>
                <a:ea typeface="Open Sans" panose="020B0606030504020204" pitchFamily="34" charset="0"/>
                <a:cs typeface="Open Sans" panose="020B0606030504020204" pitchFamily="34" charset="0"/>
              </a:rPr>
              <a:t>Yukarıda verilen sözü yorumlayalım</a:t>
            </a:r>
            <a:endParaRPr lang="tr-TR" sz="3200" dirty="0">
              <a:ea typeface="Open Sans" panose="020B0606030504020204" pitchFamily="34" charset="0"/>
              <a:cs typeface="Open Sans" panose="020B0606030504020204" pitchFamily="34" charset="0"/>
            </a:endParaRPr>
          </a:p>
        </p:txBody>
      </p:sp>
      <p:pic>
        <p:nvPicPr>
          <p:cNvPr id="14" name="Resim 13"/>
          <p:cNvPicPr>
            <a:picLocks noChangeAspect="1"/>
          </p:cNvPicPr>
          <p:nvPr/>
        </p:nvPicPr>
        <p:blipFill>
          <a:blip r:embed="rId4"/>
          <a:stretch>
            <a:fillRect/>
          </a:stretch>
        </p:blipFill>
        <p:spPr>
          <a:xfrm rot="21121830">
            <a:off x="7132956" y="305891"/>
            <a:ext cx="3314347" cy="2482561"/>
          </a:xfrm>
          <a:prstGeom prst="rect">
            <a:avLst/>
          </a:prstGeom>
        </p:spPr>
      </p:pic>
      <p:pic>
        <p:nvPicPr>
          <p:cNvPr id="15" name="Resim 14"/>
          <p:cNvPicPr>
            <a:picLocks noChangeAspect="1"/>
          </p:cNvPicPr>
          <p:nvPr/>
        </p:nvPicPr>
        <p:blipFill rotWithShape="1">
          <a:blip r:embed="rId5"/>
          <a:srcRect l="26282" r="-464" b="2663"/>
          <a:stretch/>
        </p:blipFill>
        <p:spPr>
          <a:xfrm>
            <a:off x="7358404" y="2942714"/>
            <a:ext cx="4491760" cy="2820927"/>
          </a:xfrm>
          <a:prstGeom prst="rect">
            <a:avLst/>
          </a:prstGeom>
        </p:spPr>
      </p:pic>
    </p:spTree>
    <p:custDataLst>
      <p:tags r:id="rId1"/>
    </p:custDataLst>
    <p:extLst>
      <p:ext uri="{BB962C8B-B14F-4D97-AF65-F5344CB8AC3E}">
        <p14:creationId xmlns:p14="http://schemas.microsoft.com/office/powerpoint/2010/main" val="403129330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wipe(down)">
                                      <p:cBhvr>
                                        <p:cTn id="7" dur="500"/>
                                        <p:tgtEl>
                                          <p:spTgt spid="6"/>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7"/>
                                        </p:tgtEl>
                                        <p:attrNameLst>
                                          <p:attrName>style.visibility</p:attrName>
                                        </p:attrNameLst>
                                      </p:cBhvr>
                                      <p:to>
                                        <p:strVal val="visible"/>
                                      </p:to>
                                    </p:set>
                                    <p:animEffect transition="in" filter="wipe(down)">
                                      <p:cBhvr>
                                        <p:cTn id="10" dur="500"/>
                                        <p:tgtEl>
                                          <p:spTgt spid="7"/>
                                        </p:tgtEl>
                                      </p:cBhvr>
                                    </p:animEffect>
                                  </p:childTnLst>
                                </p:cTn>
                              </p:par>
                              <p:par>
                                <p:cTn id="11" presetID="22" presetClass="entr" presetSubtype="4" fill="hold" grpId="0" nodeType="withEffect">
                                  <p:stCondLst>
                                    <p:cond delay="0"/>
                                  </p:stCondLst>
                                  <p:childTnLst>
                                    <p:set>
                                      <p:cBhvr>
                                        <p:cTn id="12" dur="1" fill="hold">
                                          <p:stCondLst>
                                            <p:cond delay="0"/>
                                          </p:stCondLst>
                                        </p:cTn>
                                        <p:tgtEl>
                                          <p:spTgt spid="8"/>
                                        </p:tgtEl>
                                        <p:attrNameLst>
                                          <p:attrName>style.visibility</p:attrName>
                                        </p:attrNameLst>
                                      </p:cBhvr>
                                      <p:to>
                                        <p:strVal val="visible"/>
                                      </p:to>
                                    </p:set>
                                    <p:animEffect transition="in" filter="wipe(down)">
                                      <p:cBhvr>
                                        <p:cTn id="13" dur="500"/>
                                        <p:tgtEl>
                                          <p:spTgt spid="8"/>
                                        </p:tgtEl>
                                      </p:cBhvr>
                                    </p:animEffect>
                                  </p:childTnLst>
                                </p:cTn>
                              </p:par>
                              <p:par>
                                <p:cTn id="14" presetID="22" presetClass="entr" presetSubtype="4" fill="hold" grpId="0" nodeType="withEffect">
                                  <p:stCondLst>
                                    <p:cond delay="0"/>
                                  </p:stCondLst>
                                  <p:childTnLst>
                                    <p:set>
                                      <p:cBhvr>
                                        <p:cTn id="15" dur="1" fill="hold">
                                          <p:stCondLst>
                                            <p:cond delay="0"/>
                                          </p:stCondLst>
                                        </p:cTn>
                                        <p:tgtEl>
                                          <p:spTgt spid="9"/>
                                        </p:tgtEl>
                                        <p:attrNameLst>
                                          <p:attrName>style.visibility</p:attrName>
                                        </p:attrNameLst>
                                      </p:cBhvr>
                                      <p:to>
                                        <p:strVal val="visible"/>
                                      </p:to>
                                    </p:set>
                                    <p:animEffect transition="in" filter="wipe(down)">
                                      <p:cBhvr>
                                        <p:cTn id="16" dur="500"/>
                                        <p:tgtEl>
                                          <p:spTgt spid="9"/>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nodeType="clickEffect">
                                  <p:stCondLst>
                                    <p:cond delay="0"/>
                                  </p:stCondLst>
                                  <p:childTnLst>
                                    <p:set>
                                      <p:cBhvr>
                                        <p:cTn id="20" dur="1" fill="hold">
                                          <p:stCondLst>
                                            <p:cond delay="0"/>
                                          </p:stCondLst>
                                        </p:cTn>
                                        <p:tgtEl>
                                          <p:spTgt spid="10"/>
                                        </p:tgtEl>
                                        <p:attrNameLst>
                                          <p:attrName>style.visibility</p:attrName>
                                        </p:attrNameLst>
                                      </p:cBhvr>
                                      <p:to>
                                        <p:strVal val="visible"/>
                                      </p:to>
                                    </p:set>
                                    <p:animEffect transition="in" filter="wipe(left)">
                                      <p:cBhvr>
                                        <p:cTn id="21" dur="500"/>
                                        <p:tgtEl>
                                          <p:spTgt spid="10"/>
                                        </p:tgtEl>
                                      </p:cBhvr>
                                    </p:animEffect>
                                  </p:childTnLst>
                                </p:cTn>
                              </p:par>
                            </p:childTnLst>
                          </p:cTn>
                        </p:par>
                        <p:par>
                          <p:cTn id="22" fill="hold">
                            <p:stCondLst>
                              <p:cond delay="500"/>
                            </p:stCondLst>
                            <p:childTnLst>
                              <p:par>
                                <p:cTn id="23" presetID="22" presetClass="entr" presetSubtype="8" fill="hold" grpId="0" nodeType="afterEffect">
                                  <p:stCondLst>
                                    <p:cond delay="0"/>
                                  </p:stCondLst>
                                  <p:childTnLst>
                                    <p:set>
                                      <p:cBhvr>
                                        <p:cTn id="24" dur="1" fill="hold">
                                          <p:stCondLst>
                                            <p:cond delay="0"/>
                                          </p:stCondLst>
                                        </p:cTn>
                                        <p:tgtEl>
                                          <p:spTgt spid="13"/>
                                        </p:tgtEl>
                                        <p:attrNameLst>
                                          <p:attrName>style.visibility</p:attrName>
                                        </p:attrNameLst>
                                      </p:cBhvr>
                                      <p:to>
                                        <p:strVal val="visible"/>
                                      </p:to>
                                    </p:set>
                                    <p:animEffect transition="in" filter="wipe(left)">
                                      <p:cBhvr>
                                        <p:cTn id="25"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8" grpId="0" animBg="1"/>
      <p:bldP spid="9" grpId="0"/>
      <p:bldP spid="13"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p:cNvGrpSpPr/>
          <p:nvPr/>
        </p:nvGrpSpPr>
        <p:grpSpPr>
          <a:xfrm>
            <a:off x="168767" y="196419"/>
            <a:ext cx="5178148" cy="906559"/>
            <a:chOff x="6096000" y="537408"/>
            <a:chExt cx="5178148" cy="1363579"/>
          </a:xfrm>
        </p:grpSpPr>
        <p:sp>
          <p:nvSpPr>
            <p:cNvPr id="3" name="Dikdörtgen 2"/>
            <p:cNvSpPr/>
            <p:nvPr/>
          </p:nvSpPr>
          <p:spPr>
            <a:xfrm>
              <a:off x="6464968" y="537408"/>
              <a:ext cx="4809180"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4" name="Dikdörtgen 3"/>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4</a:t>
              </a:r>
            </a:p>
          </p:txBody>
        </p:sp>
      </p:grpSp>
      <p:sp>
        <p:nvSpPr>
          <p:cNvPr id="5" name="Dikdörtgen 4"/>
          <p:cNvSpPr/>
          <p:nvPr/>
        </p:nvSpPr>
        <p:spPr>
          <a:xfrm>
            <a:off x="936203" y="195045"/>
            <a:ext cx="5374840" cy="954107"/>
          </a:xfrm>
          <a:prstGeom prst="rect">
            <a:avLst/>
          </a:prstGeom>
        </p:spPr>
        <p:txBody>
          <a:bodyPr wrap="square">
            <a:spAutoFit/>
          </a:bodyPr>
          <a:lstStyle/>
          <a:p>
            <a:r>
              <a:rPr lang="tr-TR" sz="2800" dirty="0"/>
              <a:t>İbadet etmek insanı Rabbine yakınlaştırır. </a:t>
            </a:r>
          </a:p>
        </p:txBody>
      </p:sp>
      <p:sp>
        <p:nvSpPr>
          <p:cNvPr id="6" name="Dikdörtgen 5"/>
          <p:cNvSpPr/>
          <p:nvPr/>
        </p:nvSpPr>
        <p:spPr>
          <a:xfrm>
            <a:off x="243718" y="2233535"/>
            <a:ext cx="6250898" cy="3539430"/>
          </a:xfrm>
          <a:prstGeom prst="rect">
            <a:avLst/>
          </a:prstGeom>
          <a:ln>
            <a:solidFill>
              <a:schemeClr val="accent2"/>
            </a:solidFill>
          </a:ln>
        </p:spPr>
        <p:txBody>
          <a:bodyPr wrap="square">
            <a:spAutoFit/>
          </a:bodyPr>
          <a:lstStyle/>
          <a:p>
            <a:pPr marL="457200" indent="-457200" algn="just">
              <a:buFont typeface="Wingdings" panose="05000000000000000000" pitchFamily="2" charset="2"/>
              <a:buChar char="Ø"/>
            </a:pPr>
            <a:r>
              <a:rPr lang="tr-TR" sz="3200" dirty="0"/>
              <a:t>Allah’la (</a:t>
            </a:r>
            <a:r>
              <a:rPr lang="tr-TR" sz="3200" dirty="0" err="1"/>
              <a:t>c.c</a:t>
            </a:r>
            <a:r>
              <a:rPr lang="tr-TR" sz="3200" dirty="0"/>
              <a:t>.) irtibatını daha üst bir noktaya taşır. </a:t>
            </a:r>
          </a:p>
          <a:p>
            <a:pPr algn="just"/>
            <a:endParaRPr lang="tr-TR" sz="3200" dirty="0"/>
          </a:p>
          <a:p>
            <a:pPr marL="457200" indent="-457200" algn="just">
              <a:buFont typeface="Wingdings" panose="05000000000000000000" pitchFamily="2" charset="2"/>
              <a:buChar char="Ø"/>
            </a:pPr>
            <a:r>
              <a:rPr lang="tr-TR" sz="3200" dirty="0"/>
              <a:t>Hz. Peygamber bir hadisinde </a:t>
            </a:r>
            <a:r>
              <a:rPr lang="tr-TR" sz="3200" i="1" dirty="0"/>
              <a:t>“Kulun </a:t>
            </a:r>
            <a:r>
              <a:rPr lang="tr-TR" sz="3200" i="1" dirty="0" err="1"/>
              <a:t>Rabbi’ne</a:t>
            </a:r>
            <a:r>
              <a:rPr lang="tr-TR" sz="3200" i="1" dirty="0"/>
              <a:t> en yakın olduğu an, secdede olduğu andır…” </a:t>
            </a:r>
            <a:r>
              <a:rPr lang="tr-TR" sz="3200" dirty="0"/>
              <a:t>buyurmuştur.</a:t>
            </a:r>
          </a:p>
        </p:txBody>
      </p:sp>
      <p:pic>
        <p:nvPicPr>
          <p:cNvPr id="7" name="Resim 6"/>
          <p:cNvPicPr>
            <a:picLocks noChangeAspect="1"/>
          </p:cNvPicPr>
          <p:nvPr/>
        </p:nvPicPr>
        <p:blipFill>
          <a:blip r:embed="rId4"/>
          <a:stretch>
            <a:fillRect/>
          </a:stretch>
        </p:blipFill>
        <p:spPr>
          <a:xfrm>
            <a:off x="6819439" y="3552842"/>
            <a:ext cx="5247643" cy="2986248"/>
          </a:xfrm>
          <a:prstGeom prst="rect">
            <a:avLst/>
          </a:prstGeom>
        </p:spPr>
      </p:pic>
      <p:pic>
        <p:nvPicPr>
          <p:cNvPr id="8" name="Resim 7"/>
          <p:cNvPicPr>
            <a:picLocks noChangeAspect="1"/>
          </p:cNvPicPr>
          <p:nvPr/>
        </p:nvPicPr>
        <p:blipFill>
          <a:blip r:embed="rId5"/>
          <a:stretch>
            <a:fillRect/>
          </a:stretch>
        </p:blipFill>
        <p:spPr>
          <a:xfrm>
            <a:off x="6819439" y="313739"/>
            <a:ext cx="5247643" cy="3144109"/>
          </a:xfrm>
          <a:prstGeom prst="rect">
            <a:avLst/>
          </a:prstGeom>
        </p:spPr>
      </p:pic>
    </p:spTree>
    <p:custDataLst>
      <p:tags r:id="rId1"/>
    </p:custDataLst>
    <p:extLst>
      <p:ext uri="{BB962C8B-B14F-4D97-AF65-F5344CB8AC3E}">
        <p14:creationId xmlns:p14="http://schemas.microsoft.com/office/powerpoint/2010/main" val="23413098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wipe(down)">
                                      <p:cBhvr>
                                        <p:cTn id="7" dur="500"/>
                                        <p:tgtEl>
                                          <p:spTgt spid="8"/>
                                        </p:tgtEl>
                                      </p:cBhvr>
                                    </p:animEffect>
                                  </p:childTnLst>
                                </p:cTn>
                              </p:par>
                              <p:par>
                                <p:cTn id="8" presetID="22" presetClass="entr" presetSubtype="4" fill="hold" nodeType="withEffect">
                                  <p:stCondLst>
                                    <p:cond delay="0"/>
                                  </p:stCondLst>
                                  <p:childTnLst>
                                    <p:set>
                                      <p:cBhvr>
                                        <p:cTn id="9" dur="1" fill="hold">
                                          <p:stCondLst>
                                            <p:cond delay="0"/>
                                          </p:stCondLst>
                                        </p:cTn>
                                        <p:tgtEl>
                                          <p:spTgt spid="7"/>
                                        </p:tgtEl>
                                        <p:attrNameLst>
                                          <p:attrName>style.visibility</p:attrName>
                                        </p:attrNameLst>
                                      </p:cBhvr>
                                      <p:to>
                                        <p:strVal val="visible"/>
                                      </p:to>
                                    </p:set>
                                    <p:animEffect transition="in" filter="wipe(down)">
                                      <p:cBhvr>
                                        <p:cTn id="10" dur="500"/>
                                        <p:tgtEl>
                                          <p:spTgt spid="7"/>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8" fill="hold" nodeType="clickEffect">
                                  <p:stCondLst>
                                    <p:cond delay="0"/>
                                  </p:stCondLst>
                                  <p:childTnLst>
                                    <p:set>
                                      <p:cBhvr>
                                        <p:cTn id="14" dur="1" fill="hold">
                                          <p:stCondLst>
                                            <p:cond delay="0"/>
                                          </p:stCondLst>
                                        </p:cTn>
                                        <p:tgtEl>
                                          <p:spTgt spid="6">
                                            <p:txEl>
                                              <p:pRg st="0" end="0"/>
                                            </p:txEl>
                                          </p:spTgt>
                                        </p:tgtEl>
                                        <p:attrNameLst>
                                          <p:attrName>style.visibility</p:attrName>
                                        </p:attrNameLst>
                                      </p:cBhvr>
                                      <p:to>
                                        <p:strVal val="visible"/>
                                      </p:to>
                                    </p:set>
                                    <p:animEffect transition="in" filter="wipe(left)">
                                      <p:cBhvr>
                                        <p:cTn id="15" dur="500"/>
                                        <p:tgtEl>
                                          <p:spTgt spid="6">
                                            <p:txEl>
                                              <p:pRg st="0" end="0"/>
                                            </p:txEl>
                                          </p:spTgt>
                                        </p:tgtEl>
                                      </p:cBhvr>
                                    </p:animEffect>
                                  </p:childTnLst>
                                </p:cTn>
                              </p:par>
                            </p:childTnLst>
                          </p:cTn>
                        </p:par>
                        <p:par>
                          <p:cTn id="16" fill="hold">
                            <p:stCondLst>
                              <p:cond delay="500"/>
                            </p:stCondLst>
                            <p:childTnLst>
                              <p:par>
                                <p:cTn id="17" presetID="22" presetClass="entr" presetSubtype="8" fill="hold" nodeType="afterEffect">
                                  <p:stCondLst>
                                    <p:cond delay="500"/>
                                  </p:stCondLst>
                                  <p:childTnLst>
                                    <p:set>
                                      <p:cBhvr>
                                        <p:cTn id="18" dur="1" fill="hold">
                                          <p:stCondLst>
                                            <p:cond delay="0"/>
                                          </p:stCondLst>
                                        </p:cTn>
                                        <p:tgtEl>
                                          <p:spTgt spid="6">
                                            <p:txEl>
                                              <p:pRg st="2" end="2"/>
                                            </p:txEl>
                                          </p:spTgt>
                                        </p:tgtEl>
                                        <p:attrNameLst>
                                          <p:attrName>style.visibility</p:attrName>
                                        </p:attrNameLst>
                                      </p:cBhvr>
                                      <p:to>
                                        <p:strVal val="visible"/>
                                      </p:to>
                                    </p:set>
                                    <p:animEffect transition="in" filter="wipe(left)">
                                      <p:cBhvr>
                                        <p:cTn id="19" dur="500"/>
                                        <p:tgtEl>
                                          <p:spTgt spid="6">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p:cNvGrpSpPr/>
          <p:nvPr/>
        </p:nvGrpSpPr>
        <p:grpSpPr>
          <a:xfrm>
            <a:off x="153269" y="236009"/>
            <a:ext cx="4372236" cy="906559"/>
            <a:chOff x="6096000" y="537408"/>
            <a:chExt cx="4372236" cy="1363579"/>
          </a:xfrm>
        </p:grpSpPr>
        <p:sp>
          <p:nvSpPr>
            <p:cNvPr id="3" name="Dikdörtgen 2"/>
            <p:cNvSpPr/>
            <p:nvPr/>
          </p:nvSpPr>
          <p:spPr>
            <a:xfrm>
              <a:off x="6464968" y="537408"/>
              <a:ext cx="4003268" cy="1363579"/>
            </a:xfrm>
            <a:prstGeom prst="rect">
              <a:avLst/>
            </a:prstGeom>
            <a:solidFill>
              <a:schemeClr val="accent1">
                <a:lumMod val="20000"/>
                <a:lumOff val="8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4" name="Dikdörtgen 3"/>
            <p:cNvSpPr/>
            <p:nvPr/>
          </p:nvSpPr>
          <p:spPr>
            <a:xfrm>
              <a:off x="6096000" y="713872"/>
              <a:ext cx="737937" cy="1010653"/>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5</a:t>
              </a:r>
            </a:p>
          </p:txBody>
        </p:sp>
      </p:grpSp>
      <p:sp>
        <p:nvSpPr>
          <p:cNvPr id="5" name="Dikdörtgen 4"/>
          <p:cNvSpPr/>
          <p:nvPr/>
        </p:nvSpPr>
        <p:spPr>
          <a:xfrm>
            <a:off x="920705" y="200863"/>
            <a:ext cx="5159238" cy="954107"/>
          </a:xfrm>
          <a:prstGeom prst="rect">
            <a:avLst/>
          </a:prstGeom>
        </p:spPr>
        <p:txBody>
          <a:bodyPr wrap="square">
            <a:spAutoFit/>
          </a:bodyPr>
          <a:lstStyle/>
          <a:p>
            <a:r>
              <a:rPr lang="tr-TR" sz="2800" dirty="0"/>
              <a:t>İbadet insanın yaratılış amaçlarından birisidir.</a:t>
            </a:r>
          </a:p>
        </p:txBody>
      </p:sp>
      <p:sp>
        <p:nvSpPr>
          <p:cNvPr id="6" name="Rectangle 18">
            <a:extLst>
              <a:ext uri="{FF2B5EF4-FFF2-40B4-BE49-F238E27FC236}">
                <a16:creationId xmlns:a16="http://schemas.microsoft.com/office/drawing/2014/main" id="{B0812D6B-BF97-4848-A313-604C17019E6A}"/>
              </a:ext>
            </a:extLst>
          </p:cNvPr>
          <p:cNvSpPr/>
          <p:nvPr/>
        </p:nvSpPr>
        <p:spPr>
          <a:xfrm>
            <a:off x="328534" y="2812570"/>
            <a:ext cx="2699478" cy="3714750"/>
          </a:xfrm>
          <a:prstGeom prst="rect">
            <a:avLst/>
          </a:prstGeom>
          <a:solidFill>
            <a:srgbClr val="3A5C84">
              <a:lumMod val="40000"/>
              <a:lumOff val="60000"/>
            </a:srgb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200" b="0" i="0" u="none" strike="noStrike" kern="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mn-ea"/>
              <a:cs typeface="+mn-cs"/>
            </a:endParaRPr>
          </a:p>
        </p:txBody>
      </p:sp>
      <p:grpSp>
        <p:nvGrpSpPr>
          <p:cNvPr id="7" name="Group 36">
            <a:extLst>
              <a:ext uri="{FF2B5EF4-FFF2-40B4-BE49-F238E27FC236}">
                <a16:creationId xmlns:a16="http://schemas.microsoft.com/office/drawing/2014/main" id="{3B050DDF-15C3-4190-8CCF-889ED3E8ACCE}"/>
              </a:ext>
            </a:extLst>
          </p:cNvPr>
          <p:cNvGrpSpPr/>
          <p:nvPr/>
        </p:nvGrpSpPr>
        <p:grpSpPr>
          <a:xfrm>
            <a:off x="537400" y="3182102"/>
            <a:ext cx="2205799" cy="716235"/>
            <a:chOff x="4205677" y="4107136"/>
            <a:chExt cx="1454725" cy="544717"/>
          </a:xfrm>
        </p:grpSpPr>
        <p:sp>
          <p:nvSpPr>
            <p:cNvPr id="8" name="Freeform: Shape 37">
              <a:extLst>
                <a:ext uri="{FF2B5EF4-FFF2-40B4-BE49-F238E27FC236}">
                  <a16:creationId xmlns:a16="http://schemas.microsoft.com/office/drawing/2014/main" id="{ABA0CDAC-9F98-4229-9FD4-E21641CA5D5E}"/>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rgbClr val="D3D3D3">
                <a:lumMod val="90000"/>
              </a:srgbClr>
            </a:solidFill>
            <a:ln w="12700" cap="flat" cmpd="sng" algn="ctr">
              <a:noFill/>
              <a:prstDash val="solid"/>
              <a:miter lim="800000"/>
            </a:ln>
            <a:effectLst>
              <a:outerShdw blurRad="63500" dist="88900" dir="5400000" algn="t" rotWithShape="0">
                <a:prstClr val="black">
                  <a:alpha val="34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9" name="Rectangle 38">
              <a:extLst>
                <a:ext uri="{FF2B5EF4-FFF2-40B4-BE49-F238E27FC236}">
                  <a16:creationId xmlns:a16="http://schemas.microsoft.com/office/drawing/2014/main" id="{1C4CFA3A-8090-41B4-B508-D1E097D9C3C7}"/>
                </a:ext>
              </a:extLst>
            </p:cNvPr>
            <p:cNvSpPr/>
            <p:nvPr/>
          </p:nvSpPr>
          <p:spPr>
            <a:xfrm>
              <a:off x="4205677" y="4107137"/>
              <a:ext cx="1454725" cy="544716"/>
            </a:xfrm>
            <a:prstGeom prst="rect">
              <a:avLst/>
            </a:prstGeom>
            <a:solidFill>
              <a:srgbClr val="FBAE3C"/>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400" b="0" i="0" u="none" strike="noStrike" kern="0" cap="none" spc="0" normalizeH="0" baseline="0" noProof="1">
                  <a:ln>
                    <a:noFill/>
                  </a:ln>
                  <a:solidFill>
                    <a:prstClr val="black"/>
                  </a:solidFill>
                  <a:effectLst/>
                  <a:uLnTx/>
                  <a:uFillTx/>
                  <a:latin typeface="Calibri" panose="020F0502020204030204"/>
                  <a:ea typeface="+mn-ea"/>
                  <a:cs typeface="+mn-cs"/>
                </a:rPr>
                <a:t>Allah’ı Tanımak</a:t>
              </a:r>
              <a:endParaRPr kumimoji="0" lang="en-US" sz="2400" b="0" i="0" u="none" strike="noStrike" kern="0" cap="none" spc="0" normalizeH="0" baseline="0" noProof="1">
                <a:ln>
                  <a:noFill/>
                </a:ln>
                <a:solidFill>
                  <a:prstClr val="black"/>
                </a:solidFill>
                <a:effectLst/>
                <a:uLnTx/>
                <a:uFillTx/>
                <a:latin typeface="Calibri" panose="020F0502020204030204"/>
                <a:ea typeface="+mn-ea"/>
                <a:cs typeface="+mn-cs"/>
              </a:endParaRPr>
            </a:p>
          </p:txBody>
        </p:sp>
        <p:sp>
          <p:nvSpPr>
            <p:cNvPr id="10" name="Rectangle 39">
              <a:extLst>
                <a:ext uri="{FF2B5EF4-FFF2-40B4-BE49-F238E27FC236}">
                  <a16:creationId xmlns:a16="http://schemas.microsoft.com/office/drawing/2014/main" id="{9A4A9EF7-755B-4C4D-8DCE-055FF4FE761D}"/>
                </a:ext>
              </a:extLst>
            </p:cNvPr>
            <p:cNvSpPr/>
            <p:nvPr/>
          </p:nvSpPr>
          <p:spPr>
            <a:xfrm rot="16200000">
              <a:off x="4073059" y="4239754"/>
              <a:ext cx="544715" cy="279479"/>
            </a:xfrm>
            <a:prstGeom prst="rect">
              <a:avLst/>
            </a:prstGeom>
            <a:solidFill>
              <a:sysClr val="windowText" lastClr="000000">
                <a:alpha val="7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grpSp>
      <p:grpSp>
        <p:nvGrpSpPr>
          <p:cNvPr id="11" name="Group 48">
            <a:extLst>
              <a:ext uri="{FF2B5EF4-FFF2-40B4-BE49-F238E27FC236}">
                <a16:creationId xmlns:a16="http://schemas.microsoft.com/office/drawing/2014/main" id="{E075F8DB-8BAD-44EE-9FDD-EADF057445A6}"/>
              </a:ext>
            </a:extLst>
          </p:cNvPr>
          <p:cNvGrpSpPr/>
          <p:nvPr/>
        </p:nvGrpSpPr>
        <p:grpSpPr>
          <a:xfrm>
            <a:off x="507917" y="4267867"/>
            <a:ext cx="2205799" cy="704498"/>
            <a:chOff x="4205677" y="4107136"/>
            <a:chExt cx="1454725" cy="544717"/>
          </a:xfrm>
        </p:grpSpPr>
        <p:sp>
          <p:nvSpPr>
            <p:cNvPr id="12" name="Freeform: Shape 49">
              <a:extLst>
                <a:ext uri="{FF2B5EF4-FFF2-40B4-BE49-F238E27FC236}">
                  <a16:creationId xmlns:a16="http://schemas.microsoft.com/office/drawing/2014/main" id="{2AC59A70-4F5B-41CE-8FA3-2CA95D2F18D8}"/>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rgbClr val="D3D3D3">
                <a:lumMod val="90000"/>
              </a:srgbClr>
            </a:solidFill>
            <a:ln w="12700" cap="flat" cmpd="sng" algn="ctr">
              <a:noFill/>
              <a:prstDash val="solid"/>
              <a:miter lim="800000"/>
            </a:ln>
            <a:effectLst>
              <a:outerShdw blurRad="63500" dist="88900" dir="5400000" algn="t" rotWithShape="0">
                <a:prstClr val="black">
                  <a:alpha val="34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3" name="Rectangle 50">
              <a:extLst>
                <a:ext uri="{FF2B5EF4-FFF2-40B4-BE49-F238E27FC236}">
                  <a16:creationId xmlns:a16="http://schemas.microsoft.com/office/drawing/2014/main" id="{463A0335-306A-4629-AE3E-8397D4A893A3}"/>
                </a:ext>
              </a:extLst>
            </p:cNvPr>
            <p:cNvSpPr/>
            <p:nvPr/>
          </p:nvSpPr>
          <p:spPr>
            <a:xfrm>
              <a:off x="4205677" y="4107137"/>
              <a:ext cx="1454725" cy="544716"/>
            </a:xfrm>
            <a:prstGeom prst="rect">
              <a:avLst/>
            </a:prstGeom>
            <a:solidFill>
              <a:srgbClr val="FD4DB0"/>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lang="tr-TR" sz="3200" kern="0" noProof="1">
                  <a:solidFill>
                    <a:prstClr val="black"/>
                  </a:solidFill>
                  <a:latin typeface="Calibri" panose="020F0502020204030204"/>
                </a:rPr>
                <a:t>Kulluk</a:t>
              </a:r>
              <a:endParaRPr kumimoji="0" lang="en-US" sz="3200" b="0" i="0" u="none" strike="noStrike" kern="0" cap="none" spc="0" normalizeH="0" baseline="0" noProof="1">
                <a:ln>
                  <a:noFill/>
                </a:ln>
                <a:solidFill>
                  <a:prstClr val="black"/>
                </a:solidFill>
                <a:effectLst/>
                <a:uLnTx/>
                <a:uFillTx/>
                <a:latin typeface="Calibri" panose="020F0502020204030204"/>
              </a:endParaRPr>
            </a:p>
          </p:txBody>
        </p:sp>
        <p:sp>
          <p:nvSpPr>
            <p:cNvPr id="14" name="Rectangle 51">
              <a:extLst>
                <a:ext uri="{FF2B5EF4-FFF2-40B4-BE49-F238E27FC236}">
                  <a16:creationId xmlns:a16="http://schemas.microsoft.com/office/drawing/2014/main" id="{B6633CE9-FE2D-4D8E-8E6F-0BF932F0D0F3}"/>
                </a:ext>
              </a:extLst>
            </p:cNvPr>
            <p:cNvSpPr/>
            <p:nvPr/>
          </p:nvSpPr>
          <p:spPr>
            <a:xfrm rot="16200000">
              <a:off x="4073059" y="4239754"/>
              <a:ext cx="544715" cy="279479"/>
            </a:xfrm>
            <a:prstGeom prst="rect">
              <a:avLst/>
            </a:prstGeom>
            <a:solidFill>
              <a:sysClr val="windowText" lastClr="000000">
                <a:alpha val="7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grpSp>
      <p:grpSp>
        <p:nvGrpSpPr>
          <p:cNvPr id="15" name="Group 81">
            <a:extLst>
              <a:ext uri="{FF2B5EF4-FFF2-40B4-BE49-F238E27FC236}">
                <a16:creationId xmlns:a16="http://schemas.microsoft.com/office/drawing/2014/main" id="{448F8F48-CF04-4057-A9C5-91ECFDCE3BA1}"/>
              </a:ext>
            </a:extLst>
          </p:cNvPr>
          <p:cNvGrpSpPr/>
          <p:nvPr/>
        </p:nvGrpSpPr>
        <p:grpSpPr>
          <a:xfrm>
            <a:off x="547525" y="5368894"/>
            <a:ext cx="2127675" cy="796206"/>
            <a:chOff x="4205677" y="4107136"/>
            <a:chExt cx="1454725" cy="544717"/>
          </a:xfrm>
        </p:grpSpPr>
        <p:sp>
          <p:nvSpPr>
            <p:cNvPr id="16" name="Freeform: Shape 82">
              <a:extLst>
                <a:ext uri="{FF2B5EF4-FFF2-40B4-BE49-F238E27FC236}">
                  <a16:creationId xmlns:a16="http://schemas.microsoft.com/office/drawing/2014/main" id="{FB9C4B62-9BE1-43D7-805E-498F0E185982}"/>
                </a:ext>
              </a:extLst>
            </p:cNvPr>
            <p:cNvSpPr/>
            <p:nvPr/>
          </p:nvSpPr>
          <p:spPr>
            <a:xfrm>
              <a:off x="4265036" y="4478457"/>
              <a:ext cx="1350521" cy="173394"/>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0 h 599217"/>
                <a:gd name="connsiteX0" fmla="*/ 30550 w 2843023"/>
                <a:gd name="connsiteY0" fmla="*/ 0 h 599217"/>
                <a:gd name="connsiteX1" fmla="*/ 2843023 w 2843023"/>
                <a:gd name="connsiteY1" fmla="*/ 0 h 599217"/>
                <a:gd name="connsiteX2" fmla="*/ 2843023 w 2843023"/>
                <a:gd name="connsiteY2" fmla="*/ 599216 h 599217"/>
                <a:gd name="connsiteX3" fmla="*/ 2815635 w 2843023"/>
                <a:gd name="connsiteY3" fmla="*/ 584277 h 599217"/>
                <a:gd name="connsiteX4" fmla="*/ 1436787 w 2843023"/>
                <a:gd name="connsiteY4" fmla="*/ 301128 h 599217"/>
                <a:gd name="connsiteX5" fmla="*/ 30550 w 2843023"/>
                <a:gd name="connsiteY5" fmla="*/ 0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843023" h="599217">
                  <a:moveTo>
                    <a:pt x="30550" y="0"/>
                  </a:moveTo>
                  <a:lnTo>
                    <a:pt x="2843023" y="0"/>
                  </a:lnTo>
                  <a:lnTo>
                    <a:pt x="2843023" y="599216"/>
                  </a:lnTo>
                  <a:lnTo>
                    <a:pt x="2815635" y="584277"/>
                  </a:lnTo>
                  <a:cubicBezTo>
                    <a:pt x="2462757" y="409333"/>
                    <a:pt x="1975261" y="301128"/>
                    <a:pt x="1436787" y="301128"/>
                  </a:cubicBezTo>
                  <a:cubicBezTo>
                    <a:pt x="972606" y="203749"/>
                    <a:pt x="-203823" y="50188"/>
                    <a:pt x="30550" y="0"/>
                  </a:cubicBezTo>
                  <a:close/>
                </a:path>
              </a:pathLst>
            </a:custGeom>
            <a:solidFill>
              <a:srgbClr val="D3D3D3">
                <a:lumMod val="90000"/>
              </a:srgbClr>
            </a:solidFill>
            <a:ln w="12700" cap="flat" cmpd="sng" algn="ctr">
              <a:noFill/>
              <a:prstDash val="solid"/>
              <a:miter lim="800000"/>
            </a:ln>
            <a:effectLst>
              <a:outerShdw blurRad="63500" dist="88900" dir="5400000" algn="t" rotWithShape="0">
                <a:prstClr val="black">
                  <a:alpha val="34000"/>
                </a:prstClr>
              </a:outerShdw>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7" name="Rectangle 83">
              <a:extLst>
                <a:ext uri="{FF2B5EF4-FFF2-40B4-BE49-F238E27FC236}">
                  <a16:creationId xmlns:a16="http://schemas.microsoft.com/office/drawing/2014/main" id="{21A7A64B-CB56-4E42-8B5A-4F68F361B0D1}"/>
                </a:ext>
              </a:extLst>
            </p:cNvPr>
            <p:cNvSpPr/>
            <p:nvPr/>
          </p:nvSpPr>
          <p:spPr>
            <a:xfrm>
              <a:off x="4205677" y="4107137"/>
              <a:ext cx="1454725" cy="544716"/>
            </a:xfrm>
            <a:prstGeom prst="rect">
              <a:avLst/>
            </a:prstGeom>
            <a:solidFill>
              <a:srgbClr val="E7F150"/>
            </a:solidFill>
            <a:ln w="12700" cap="flat" cmpd="sng" algn="ctr">
              <a:noFill/>
              <a:prstDash val="solid"/>
              <a:miter lim="800000"/>
            </a:ln>
            <a:effectLst/>
          </p:spPr>
          <p:txBody>
            <a:bodyPr rtlCol="0" anchor="ctr"/>
            <a:lstStyle/>
            <a:p>
              <a:pPr lvl="0" algn="ctr">
                <a:defRPr/>
              </a:pPr>
              <a:r>
                <a:rPr lang="tr-TR" sz="2800" kern="0" noProof="1">
                  <a:solidFill>
                    <a:prstClr val="black"/>
                  </a:solidFill>
                  <a:latin typeface="Calibri" panose="020F0502020204030204"/>
                </a:rPr>
                <a:t>Salih Ameller</a:t>
              </a:r>
              <a:endParaRPr lang="en-US" sz="2800" kern="0" noProof="1">
                <a:solidFill>
                  <a:prstClr val="black"/>
                </a:solidFill>
                <a:latin typeface="Calibri" panose="020F0502020204030204"/>
              </a:endParaRPr>
            </a:p>
          </p:txBody>
        </p:sp>
        <p:sp>
          <p:nvSpPr>
            <p:cNvPr id="18" name="Rectangle 84">
              <a:extLst>
                <a:ext uri="{FF2B5EF4-FFF2-40B4-BE49-F238E27FC236}">
                  <a16:creationId xmlns:a16="http://schemas.microsoft.com/office/drawing/2014/main" id="{BAE4A658-CB7A-4570-B942-DCBDDDCAAD0A}"/>
                </a:ext>
              </a:extLst>
            </p:cNvPr>
            <p:cNvSpPr/>
            <p:nvPr/>
          </p:nvSpPr>
          <p:spPr>
            <a:xfrm rot="16200000">
              <a:off x="4073059" y="4239754"/>
              <a:ext cx="544715" cy="279479"/>
            </a:xfrm>
            <a:prstGeom prst="rect">
              <a:avLst/>
            </a:prstGeom>
            <a:solidFill>
              <a:sysClr val="windowText" lastClr="000000">
                <a:alpha val="7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mn-ea"/>
                <a:cs typeface="+mn-cs"/>
              </a:endParaRPr>
            </a:p>
          </p:txBody>
        </p:sp>
      </p:grpSp>
      <p:sp>
        <p:nvSpPr>
          <p:cNvPr id="19" name="Dikdörtgen 18"/>
          <p:cNvSpPr/>
          <p:nvPr/>
        </p:nvSpPr>
        <p:spPr>
          <a:xfrm>
            <a:off x="328534" y="1439950"/>
            <a:ext cx="2699478" cy="1372620"/>
          </a:xfrm>
          <a:prstGeom prst="rect">
            <a:avLst/>
          </a:prstGeom>
          <a:solidFill>
            <a:srgbClr val="3A5C84"/>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sz="2800" dirty="0">
                <a:solidFill>
                  <a:schemeClr val="bg1"/>
                </a:solidFill>
              </a:rPr>
              <a:t>Kur’an-ı Kerim’e Göre Hayatın Amacı</a:t>
            </a:r>
          </a:p>
        </p:txBody>
      </p:sp>
      <p:sp>
        <p:nvSpPr>
          <p:cNvPr id="20" name="Rectangle: Rounded Corners 90">
            <a:extLst>
              <a:ext uri="{FF2B5EF4-FFF2-40B4-BE49-F238E27FC236}">
                <a16:creationId xmlns:a16="http://schemas.microsoft.com/office/drawing/2014/main" id="{BB25775D-8C5F-495B-89E9-33734DC7D0E0}"/>
              </a:ext>
            </a:extLst>
          </p:cNvPr>
          <p:cNvSpPr/>
          <p:nvPr/>
        </p:nvSpPr>
        <p:spPr>
          <a:xfrm>
            <a:off x="3732552" y="1439949"/>
            <a:ext cx="8319540" cy="2230393"/>
          </a:xfrm>
          <a:prstGeom prst="roundRect">
            <a:avLst>
              <a:gd name="adj" fmla="val 24182"/>
            </a:avLst>
          </a:prstGeom>
          <a:solidFill>
            <a:srgbClr val="4CC1EF"/>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21" name="Freeform: Shape 91">
            <a:extLst>
              <a:ext uri="{FF2B5EF4-FFF2-40B4-BE49-F238E27FC236}">
                <a16:creationId xmlns:a16="http://schemas.microsoft.com/office/drawing/2014/main" id="{5B0CDEBF-0F6A-4640-8BD9-437CACB5A673}"/>
              </a:ext>
            </a:extLst>
          </p:cNvPr>
          <p:cNvSpPr/>
          <p:nvPr/>
        </p:nvSpPr>
        <p:spPr>
          <a:xfrm>
            <a:off x="4377128" y="2554396"/>
            <a:ext cx="7191856" cy="773420"/>
          </a:xfrm>
          <a:custGeom>
            <a:avLst/>
            <a:gdLst>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23006 w 2033665"/>
              <a:gd name="connsiteY6" fmla="*/ 528060 h 775124"/>
              <a:gd name="connsiteX7" fmla="*/ 59918 w 2033665"/>
              <a:gd name="connsiteY7" fmla="*/ 535512 h 775124"/>
              <a:gd name="connsiteX8" fmla="*/ 646370 w 2033665"/>
              <a:gd name="connsiteY8" fmla="*/ 535512 h 775124"/>
              <a:gd name="connsiteX9" fmla="*/ 1795921 w 2033665"/>
              <a:gd name="connsiteY9" fmla="*/ 236441 h 775124"/>
              <a:gd name="connsiteX10" fmla="*/ 1795921 w 2033665"/>
              <a:gd name="connsiteY10" fmla="*/ 61380 h 775124"/>
              <a:gd name="connsiteX11" fmla="*/ 1788469 w 2033665"/>
              <a:gd name="connsiteY11" fmla="*/ 24469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23006 w 2033665"/>
              <a:gd name="connsiteY6" fmla="*/ 528060 h 775124"/>
              <a:gd name="connsiteX7" fmla="*/ 59918 w 2033665"/>
              <a:gd name="connsiteY7" fmla="*/ 535512 h 775124"/>
              <a:gd name="connsiteX8" fmla="*/ 1795921 w 2033665"/>
              <a:gd name="connsiteY8" fmla="*/ 236441 h 775124"/>
              <a:gd name="connsiteX9" fmla="*/ 1795921 w 2033665"/>
              <a:gd name="connsiteY9" fmla="*/ 61380 h 775124"/>
              <a:gd name="connsiteX10" fmla="*/ 1788469 w 2033665"/>
              <a:gd name="connsiteY10" fmla="*/ 24469 h 775124"/>
              <a:gd name="connsiteX11" fmla="*/ 1771972 w 2033665"/>
              <a:gd name="connsiteY11"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23006 w 2033665"/>
              <a:gd name="connsiteY6" fmla="*/ 528060 h 775124"/>
              <a:gd name="connsiteX7" fmla="*/ 1795921 w 2033665"/>
              <a:gd name="connsiteY7" fmla="*/ 236441 h 775124"/>
              <a:gd name="connsiteX8" fmla="*/ 1795921 w 2033665"/>
              <a:gd name="connsiteY8" fmla="*/ 61380 h 775124"/>
              <a:gd name="connsiteX9" fmla="*/ 1788469 w 2033665"/>
              <a:gd name="connsiteY9" fmla="*/ 24469 h 775124"/>
              <a:gd name="connsiteX10" fmla="*/ 1771972 w 2033665"/>
              <a:gd name="connsiteY10"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1795921 w 2033665"/>
              <a:gd name="connsiteY6" fmla="*/ 236441 h 775124"/>
              <a:gd name="connsiteX7" fmla="*/ 1795921 w 2033665"/>
              <a:gd name="connsiteY7" fmla="*/ 61380 h 775124"/>
              <a:gd name="connsiteX8" fmla="*/ 1788469 w 2033665"/>
              <a:gd name="connsiteY8" fmla="*/ 24469 h 775124"/>
              <a:gd name="connsiteX9" fmla="*/ 1771972 w 2033665"/>
              <a:gd name="connsiteY9"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1795921 w 2033665"/>
              <a:gd name="connsiteY6" fmla="*/ 236441 h 775124"/>
              <a:gd name="connsiteX7" fmla="*/ 1788469 w 2033665"/>
              <a:gd name="connsiteY7" fmla="*/ 24469 h 775124"/>
              <a:gd name="connsiteX8" fmla="*/ 1771972 w 2033665"/>
              <a:gd name="connsiteY8"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1795921 w 2033665"/>
              <a:gd name="connsiteY6" fmla="*/ 236441 h 775124"/>
              <a:gd name="connsiteX7" fmla="*/ 1771972 w 2033665"/>
              <a:gd name="connsiteY7"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1771972 w 2033665"/>
              <a:gd name="connsiteY6" fmla="*/ 0 h 7751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33665" h="775124">
                <a:moveTo>
                  <a:pt x="1771972" y="0"/>
                </a:moveTo>
                <a:lnTo>
                  <a:pt x="2033665" y="247683"/>
                </a:lnTo>
                <a:lnTo>
                  <a:pt x="2033665" y="522064"/>
                </a:lnTo>
                <a:cubicBezTo>
                  <a:pt x="2033665" y="661825"/>
                  <a:pt x="1920366" y="775124"/>
                  <a:pt x="1780605" y="775124"/>
                </a:cubicBezTo>
                <a:lnTo>
                  <a:pt x="277429" y="775124"/>
                </a:lnTo>
                <a:lnTo>
                  <a:pt x="0" y="512547"/>
                </a:lnTo>
                <a:lnTo>
                  <a:pt x="1771972" y="0"/>
                </a:lnTo>
                <a:close/>
              </a:path>
            </a:pathLst>
          </a:custGeom>
          <a:solidFill>
            <a:sysClr val="windowText" lastClr="000000">
              <a:alpha val="30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22" name="Rectangle: Rounded Corners 92">
            <a:extLst>
              <a:ext uri="{FF2B5EF4-FFF2-40B4-BE49-F238E27FC236}">
                <a16:creationId xmlns:a16="http://schemas.microsoft.com/office/drawing/2014/main" id="{28826CAE-B489-4266-9A13-1246AF5F11B8}"/>
              </a:ext>
            </a:extLst>
          </p:cNvPr>
          <p:cNvSpPr/>
          <p:nvPr/>
        </p:nvSpPr>
        <p:spPr>
          <a:xfrm>
            <a:off x="4215660" y="1731291"/>
            <a:ext cx="7353324" cy="1305184"/>
          </a:xfrm>
          <a:prstGeom prst="roundRect">
            <a:avLst/>
          </a:prstGeom>
          <a:solidFill>
            <a:sysClr val="window" lastClr="FFFFFF"/>
          </a:solidFill>
          <a:ln w="12700" cap="flat" cmpd="sng" algn="ctr">
            <a:noFill/>
            <a:prstDash val="solid"/>
            <a:miter lim="800000"/>
          </a:ln>
          <a:effectLst/>
        </p:spPr>
        <p:txBody>
          <a:bodyPr rtlCol="0" anchor="ctr"/>
          <a:lstStyle/>
          <a:p>
            <a:r>
              <a:rPr lang="tr-TR" sz="2400" dirty="0"/>
              <a:t>«Ben cinleri ve insanları yalnızca (beni tanımaları ve) bana kulluk etmeleri için yarattım.»</a:t>
            </a:r>
            <a:r>
              <a:rPr lang="tr-TR" sz="2400" dirty="0">
                <a:solidFill>
                  <a:srgbClr val="003366"/>
                </a:solidFill>
                <a:latin typeface="EB Garamond"/>
              </a:rPr>
              <a:t> </a:t>
            </a:r>
          </a:p>
          <a:p>
            <a:pPr algn="r"/>
            <a:r>
              <a:rPr lang="tr-TR" sz="2000" b="1" dirty="0" err="1"/>
              <a:t>Zariyat</a:t>
            </a:r>
            <a:r>
              <a:rPr lang="tr-TR" sz="2000" b="1" dirty="0"/>
              <a:t> Suresi 56. ayeti</a:t>
            </a:r>
            <a:endParaRPr lang="tr-TR" sz="2000" b="1" kern="0" cap="all" dirty="0"/>
          </a:p>
        </p:txBody>
      </p:sp>
      <p:sp>
        <p:nvSpPr>
          <p:cNvPr id="23" name="Rectangle: Rounded Corners 90">
            <a:extLst>
              <a:ext uri="{FF2B5EF4-FFF2-40B4-BE49-F238E27FC236}">
                <a16:creationId xmlns:a16="http://schemas.microsoft.com/office/drawing/2014/main" id="{BB25775D-8C5F-495B-89E9-33734DC7D0E0}"/>
              </a:ext>
            </a:extLst>
          </p:cNvPr>
          <p:cNvSpPr/>
          <p:nvPr/>
        </p:nvSpPr>
        <p:spPr>
          <a:xfrm>
            <a:off x="3693305" y="4296927"/>
            <a:ext cx="8319540" cy="2230393"/>
          </a:xfrm>
          <a:prstGeom prst="roundRect">
            <a:avLst>
              <a:gd name="adj" fmla="val 24182"/>
            </a:avLst>
          </a:prstGeom>
          <a:solidFill>
            <a:schemeClr val="accent2">
              <a:lumMod val="60000"/>
              <a:lumOff val="40000"/>
            </a:scheme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24" name="Freeform: Shape 91">
            <a:extLst>
              <a:ext uri="{FF2B5EF4-FFF2-40B4-BE49-F238E27FC236}">
                <a16:creationId xmlns:a16="http://schemas.microsoft.com/office/drawing/2014/main" id="{5B0CDEBF-0F6A-4640-8BD9-437CACB5A673}"/>
              </a:ext>
            </a:extLst>
          </p:cNvPr>
          <p:cNvSpPr/>
          <p:nvPr/>
        </p:nvSpPr>
        <p:spPr>
          <a:xfrm>
            <a:off x="4337881" y="5411374"/>
            <a:ext cx="7191856" cy="773420"/>
          </a:xfrm>
          <a:custGeom>
            <a:avLst/>
            <a:gdLst>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23006 w 2033665"/>
              <a:gd name="connsiteY6" fmla="*/ 528060 h 775124"/>
              <a:gd name="connsiteX7" fmla="*/ 59918 w 2033665"/>
              <a:gd name="connsiteY7" fmla="*/ 535512 h 775124"/>
              <a:gd name="connsiteX8" fmla="*/ 646370 w 2033665"/>
              <a:gd name="connsiteY8" fmla="*/ 535512 h 775124"/>
              <a:gd name="connsiteX9" fmla="*/ 1795921 w 2033665"/>
              <a:gd name="connsiteY9" fmla="*/ 236441 h 775124"/>
              <a:gd name="connsiteX10" fmla="*/ 1795921 w 2033665"/>
              <a:gd name="connsiteY10" fmla="*/ 61380 h 775124"/>
              <a:gd name="connsiteX11" fmla="*/ 1788469 w 2033665"/>
              <a:gd name="connsiteY11" fmla="*/ 24469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23006 w 2033665"/>
              <a:gd name="connsiteY6" fmla="*/ 528060 h 775124"/>
              <a:gd name="connsiteX7" fmla="*/ 59918 w 2033665"/>
              <a:gd name="connsiteY7" fmla="*/ 535512 h 775124"/>
              <a:gd name="connsiteX8" fmla="*/ 1795921 w 2033665"/>
              <a:gd name="connsiteY8" fmla="*/ 236441 h 775124"/>
              <a:gd name="connsiteX9" fmla="*/ 1795921 w 2033665"/>
              <a:gd name="connsiteY9" fmla="*/ 61380 h 775124"/>
              <a:gd name="connsiteX10" fmla="*/ 1788469 w 2033665"/>
              <a:gd name="connsiteY10" fmla="*/ 24469 h 775124"/>
              <a:gd name="connsiteX11" fmla="*/ 1771972 w 2033665"/>
              <a:gd name="connsiteY11"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23006 w 2033665"/>
              <a:gd name="connsiteY6" fmla="*/ 528060 h 775124"/>
              <a:gd name="connsiteX7" fmla="*/ 1795921 w 2033665"/>
              <a:gd name="connsiteY7" fmla="*/ 236441 h 775124"/>
              <a:gd name="connsiteX8" fmla="*/ 1795921 w 2033665"/>
              <a:gd name="connsiteY8" fmla="*/ 61380 h 775124"/>
              <a:gd name="connsiteX9" fmla="*/ 1788469 w 2033665"/>
              <a:gd name="connsiteY9" fmla="*/ 24469 h 775124"/>
              <a:gd name="connsiteX10" fmla="*/ 1771972 w 2033665"/>
              <a:gd name="connsiteY10"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1795921 w 2033665"/>
              <a:gd name="connsiteY6" fmla="*/ 236441 h 775124"/>
              <a:gd name="connsiteX7" fmla="*/ 1795921 w 2033665"/>
              <a:gd name="connsiteY7" fmla="*/ 61380 h 775124"/>
              <a:gd name="connsiteX8" fmla="*/ 1788469 w 2033665"/>
              <a:gd name="connsiteY8" fmla="*/ 24469 h 775124"/>
              <a:gd name="connsiteX9" fmla="*/ 1771972 w 2033665"/>
              <a:gd name="connsiteY9"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1795921 w 2033665"/>
              <a:gd name="connsiteY6" fmla="*/ 236441 h 775124"/>
              <a:gd name="connsiteX7" fmla="*/ 1788469 w 2033665"/>
              <a:gd name="connsiteY7" fmla="*/ 24469 h 775124"/>
              <a:gd name="connsiteX8" fmla="*/ 1771972 w 2033665"/>
              <a:gd name="connsiteY8"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1795921 w 2033665"/>
              <a:gd name="connsiteY6" fmla="*/ 236441 h 775124"/>
              <a:gd name="connsiteX7" fmla="*/ 1771972 w 2033665"/>
              <a:gd name="connsiteY7" fmla="*/ 0 h 775124"/>
              <a:gd name="connsiteX0" fmla="*/ 1771972 w 2033665"/>
              <a:gd name="connsiteY0" fmla="*/ 0 h 775124"/>
              <a:gd name="connsiteX1" fmla="*/ 2033665 w 2033665"/>
              <a:gd name="connsiteY1" fmla="*/ 247683 h 775124"/>
              <a:gd name="connsiteX2" fmla="*/ 2033665 w 2033665"/>
              <a:gd name="connsiteY2" fmla="*/ 522064 h 775124"/>
              <a:gd name="connsiteX3" fmla="*/ 1780605 w 2033665"/>
              <a:gd name="connsiteY3" fmla="*/ 775124 h 775124"/>
              <a:gd name="connsiteX4" fmla="*/ 277429 w 2033665"/>
              <a:gd name="connsiteY4" fmla="*/ 775124 h 775124"/>
              <a:gd name="connsiteX5" fmla="*/ 0 w 2033665"/>
              <a:gd name="connsiteY5" fmla="*/ 512547 h 775124"/>
              <a:gd name="connsiteX6" fmla="*/ 1771972 w 2033665"/>
              <a:gd name="connsiteY6" fmla="*/ 0 h 7751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33665" h="775124">
                <a:moveTo>
                  <a:pt x="1771972" y="0"/>
                </a:moveTo>
                <a:lnTo>
                  <a:pt x="2033665" y="247683"/>
                </a:lnTo>
                <a:lnTo>
                  <a:pt x="2033665" y="522064"/>
                </a:lnTo>
                <a:cubicBezTo>
                  <a:pt x="2033665" y="661825"/>
                  <a:pt x="1920366" y="775124"/>
                  <a:pt x="1780605" y="775124"/>
                </a:cubicBezTo>
                <a:lnTo>
                  <a:pt x="277429" y="775124"/>
                </a:lnTo>
                <a:lnTo>
                  <a:pt x="0" y="512547"/>
                </a:lnTo>
                <a:lnTo>
                  <a:pt x="1771972" y="0"/>
                </a:lnTo>
                <a:close/>
              </a:path>
            </a:pathLst>
          </a:custGeom>
          <a:solidFill>
            <a:sysClr val="windowText" lastClr="000000">
              <a:alpha val="30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25" name="Rectangle: Rounded Corners 92">
            <a:extLst>
              <a:ext uri="{FF2B5EF4-FFF2-40B4-BE49-F238E27FC236}">
                <a16:creationId xmlns:a16="http://schemas.microsoft.com/office/drawing/2014/main" id="{28826CAE-B489-4266-9A13-1246AF5F11B8}"/>
              </a:ext>
            </a:extLst>
          </p:cNvPr>
          <p:cNvSpPr/>
          <p:nvPr/>
        </p:nvSpPr>
        <p:spPr>
          <a:xfrm>
            <a:off x="4176413" y="4588269"/>
            <a:ext cx="7353324" cy="1305184"/>
          </a:xfrm>
          <a:prstGeom prst="roundRect">
            <a:avLst/>
          </a:prstGeom>
          <a:solidFill>
            <a:sysClr val="window" lastClr="FFFFFF"/>
          </a:solidFill>
          <a:ln w="12700" cap="flat" cmpd="sng" algn="ctr">
            <a:noFill/>
            <a:prstDash val="solid"/>
            <a:miter lim="800000"/>
          </a:ln>
          <a:effectLst/>
        </p:spPr>
        <p:txBody>
          <a:bodyPr rtlCol="0" anchor="ctr"/>
          <a:lstStyle/>
          <a:p>
            <a:pPr lvl="0" algn="just"/>
            <a:r>
              <a:rPr lang="tr-TR" sz="2400" dirty="0"/>
              <a:t>«Allah, hanginizin daha güzel iş yapacağını belirlemek  üzere ölümü ve hayatı yaratan, mutlak güç sahibi ve çok bağışlayandı.»</a:t>
            </a:r>
          </a:p>
          <a:p>
            <a:pPr lvl="0" algn="r"/>
            <a:r>
              <a:rPr lang="tr-TR" sz="2000" b="1" dirty="0" err="1"/>
              <a:t>Mulk</a:t>
            </a:r>
            <a:r>
              <a:rPr lang="tr-TR" sz="2000" b="1" dirty="0"/>
              <a:t> Suresi 2. ayeti</a:t>
            </a:r>
            <a:endParaRPr lang="tr-TR" sz="2000" b="1" kern="0" cap="all" dirty="0">
              <a:solidFill>
                <a:prstClr val="black"/>
              </a:solidFill>
              <a:latin typeface="Calibri" panose="020F0502020204030204"/>
            </a:endParaRPr>
          </a:p>
        </p:txBody>
      </p:sp>
    </p:spTree>
    <p:custDataLst>
      <p:tags r:id="rId1"/>
    </p:custDataLst>
    <p:extLst>
      <p:ext uri="{BB962C8B-B14F-4D97-AF65-F5344CB8AC3E}">
        <p14:creationId xmlns:p14="http://schemas.microsoft.com/office/powerpoint/2010/main" val="21626249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19"/>
                                        </p:tgtEl>
                                        <p:attrNameLst>
                                          <p:attrName>style.visibility</p:attrName>
                                        </p:attrNameLst>
                                      </p:cBhvr>
                                      <p:to>
                                        <p:strVal val="visible"/>
                                      </p:to>
                                    </p:set>
                                    <p:animEffect transition="in" filter="wipe(down)">
                                      <p:cBhvr>
                                        <p:cTn id="7" dur="500"/>
                                        <p:tgtEl>
                                          <p:spTgt spid="19"/>
                                        </p:tgtEl>
                                      </p:cBhvr>
                                    </p:animEffect>
                                  </p:childTnLst>
                                </p:cTn>
                              </p:par>
                            </p:childTnLst>
                          </p:cTn>
                        </p:par>
                        <p:par>
                          <p:cTn id="8" fill="hold">
                            <p:stCondLst>
                              <p:cond delay="500"/>
                            </p:stCondLst>
                            <p:childTnLst>
                              <p:par>
                                <p:cTn id="9" presetID="22" presetClass="entr" presetSubtype="1" fill="hold" grpId="0" nodeType="afterEffect">
                                  <p:stCondLst>
                                    <p:cond delay="0"/>
                                  </p:stCondLst>
                                  <p:childTnLst>
                                    <p:set>
                                      <p:cBhvr>
                                        <p:cTn id="10" dur="1" fill="hold">
                                          <p:stCondLst>
                                            <p:cond delay="0"/>
                                          </p:stCondLst>
                                        </p:cTn>
                                        <p:tgtEl>
                                          <p:spTgt spid="6"/>
                                        </p:tgtEl>
                                        <p:attrNameLst>
                                          <p:attrName>style.visibility</p:attrName>
                                        </p:attrNameLst>
                                      </p:cBhvr>
                                      <p:to>
                                        <p:strVal val="visible"/>
                                      </p:to>
                                    </p:set>
                                    <p:animEffect transition="in" filter="wipe(up)">
                                      <p:cBhvr>
                                        <p:cTn id="11" dur="500"/>
                                        <p:tgtEl>
                                          <p:spTgt spid="6"/>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nodeType="clickEffect">
                                  <p:stCondLst>
                                    <p:cond delay="0"/>
                                  </p:stCondLst>
                                  <p:childTnLst>
                                    <p:set>
                                      <p:cBhvr>
                                        <p:cTn id="15" dur="1" fill="hold">
                                          <p:stCondLst>
                                            <p:cond delay="0"/>
                                          </p:stCondLst>
                                        </p:cTn>
                                        <p:tgtEl>
                                          <p:spTgt spid="7"/>
                                        </p:tgtEl>
                                        <p:attrNameLst>
                                          <p:attrName>style.visibility</p:attrName>
                                        </p:attrNameLst>
                                      </p:cBhvr>
                                      <p:to>
                                        <p:strVal val="visible"/>
                                      </p:to>
                                    </p:set>
                                    <p:animEffect transition="in" filter="wipe(left)">
                                      <p:cBhvr>
                                        <p:cTn id="16" dur="500"/>
                                        <p:tgtEl>
                                          <p:spTgt spid="7"/>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nodeType="clickEffect">
                                  <p:stCondLst>
                                    <p:cond delay="0"/>
                                  </p:stCondLst>
                                  <p:childTnLst>
                                    <p:set>
                                      <p:cBhvr>
                                        <p:cTn id="20" dur="1" fill="hold">
                                          <p:stCondLst>
                                            <p:cond delay="0"/>
                                          </p:stCondLst>
                                        </p:cTn>
                                        <p:tgtEl>
                                          <p:spTgt spid="11"/>
                                        </p:tgtEl>
                                        <p:attrNameLst>
                                          <p:attrName>style.visibility</p:attrName>
                                        </p:attrNameLst>
                                      </p:cBhvr>
                                      <p:to>
                                        <p:strVal val="visible"/>
                                      </p:to>
                                    </p:set>
                                    <p:animEffect transition="in" filter="wipe(left)">
                                      <p:cBhvr>
                                        <p:cTn id="21" dur="500"/>
                                        <p:tgtEl>
                                          <p:spTgt spid="11"/>
                                        </p:tgtEl>
                                      </p:cBhvr>
                                    </p:animEffect>
                                  </p:childTnLst>
                                </p:cTn>
                              </p:par>
                            </p:childTnLst>
                          </p:cTn>
                        </p:par>
                      </p:childTnLst>
                    </p:cTn>
                  </p:par>
                  <p:par>
                    <p:cTn id="22" fill="hold">
                      <p:stCondLst>
                        <p:cond delay="indefinite"/>
                      </p:stCondLst>
                      <p:childTnLst>
                        <p:par>
                          <p:cTn id="23" fill="hold">
                            <p:stCondLst>
                              <p:cond delay="0"/>
                            </p:stCondLst>
                            <p:childTnLst>
                              <p:par>
                                <p:cTn id="24" presetID="22" presetClass="entr" presetSubtype="8" fill="hold" nodeType="clickEffect">
                                  <p:stCondLst>
                                    <p:cond delay="0"/>
                                  </p:stCondLst>
                                  <p:childTnLst>
                                    <p:set>
                                      <p:cBhvr>
                                        <p:cTn id="25" dur="1" fill="hold">
                                          <p:stCondLst>
                                            <p:cond delay="0"/>
                                          </p:stCondLst>
                                        </p:cTn>
                                        <p:tgtEl>
                                          <p:spTgt spid="15"/>
                                        </p:tgtEl>
                                        <p:attrNameLst>
                                          <p:attrName>style.visibility</p:attrName>
                                        </p:attrNameLst>
                                      </p:cBhvr>
                                      <p:to>
                                        <p:strVal val="visible"/>
                                      </p:to>
                                    </p:set>
                                    <p:animEffect transition="in" filter="wipe(left)">
                                      <p:cBhvr>
                                        <p:cTn id="26" dur="500"/>
                                        <p:tgtEl>
                                          <p:spTgt spid="15"/>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8" fill="hold" grpId="0" nodeType="clickEffect">
                                  <p:stCondLst>
                                    <p:cond delay="0"/>
                                  </p:stCondLst>
                                  <p:childTnLst>
                                    <p:set>
                                      <p:cBhvr>
                                        <p:cTn id="30" dur="1" fill="hold">
                                          <p:stCondLst>
                                            <p:cond delay="0"/>
                                          </p:stCondLst>
                                        </p:cTn>
                                        <p:tgtEl>
                                          <p:spTgt spid="20"/>
                                        </p:tgtEl>
                                        <p:attrNameLst>
                                          <p:attrName>style.visibility</p:attrName>
                                        </p:attrNameLst>
                                      </p:cBhvr>
                                      <p:to>
                                        <p:strVal val="visible"/>
                                      </p:to>
                                    </p:set>
                                    <p:animEffect transition="in" filter="wipe(left)">
                                      <p:cBhvr>
                                        <p:cTn id="31" dur="500"/>
                                        <p:tgtEl>
                                          <p:spTgt spid="20"/>
                                        </p:tgtEl>
                                      </p:cBhvr>
                                    </p:animEffect>
                                  </p:childTnLst>
                                </p:cTn>
                              </p:par>
                            </p:childTnLst>
                          </p:cTn>
                        </p:par>
                        <p:par>
                          <p:cTn id="32" fill="hold">
                            <p:stCondLst>
                              <p:cond delay="500"/>
                            </p:stCondLst>
                            <p:childTnLst>
                              <p:par>
                                <p:cTn id="33" presetID="22" presetClass="entr" presetSubtype="8" fill="hold" grpId="0" nodeType="afterEffect">
                                  <p:stCondLst>
                                    <p:cond delay="0"/>
                                  </p:stCondLst>
                                  <p:childTnLst>
                                    <p:set>
                                      <p:cBhvr>
                                        <p:cTn id="34" dur="1" fill="hold">
                                          <p:stCondLst>
                                            <p:cond delay="0"/>
                                          </p:stCondLst>
                                        </p:cTn>
                                        <p:tgtEl>
                                          <p:spTgt spid="22"/>
                                        </p:tgtEl>
                                        <p:attrNameLst>
                                          <p:attrName>style.visibility</p:attrName>
                                        </p:attrNameLst>
                                      </p:cBhvr>
                                      <p:to>
                                        <p:strVal val="visible"/>
                                      </p:to>
                                    </p:set>
                                    <p:animEffect transition="in" filter="wipe(left)">
                                      <p:cBhvr>
                                        <p:cTn id="35" dur="500"/>
                                        <p:tgtEl>
                                          <p:spTgt spid="22"/>
                                        </p:tgtEl>
                                      </p:cBhvr>
                                    </p:animEffect>
                                  </p:childTnLst>
                                </p:cTn>
                              </p:par>
                              <p:par>
                                <p:cTn id="36" presetID="22" presetClass="entr" presetSubtype="8" fill="hold" grpId="0" nodeType="withEffect">
                                  <p:stCondLst>
                                    <p:cond delay="0"/>
                                  </p:stCondLst>
                                  <p:childTnLst>
                                    <p:set>
                                      <p:cBhvr>
                                        <p:cTn id="37" dur="1" fill="hold">
                                          <p:stCondLst>
                                            <p:cond delay="0"/>
                                          </p:stCondLst>
                                        </p:cTn>
                                        <p:tgtEl>
                                          <p:spTgt spid="21"/>
                                        </p:tgtEl>
                                        <p:attrNameLst>
                                          <p:attrName>style.visibility</p:attrName>
                                        </p:attrNameLst>
                                      </p:cBhvr>
                                      <p:to>
                                        <p:strVal val="visible"/>
                                      </p:to>
                                    </p:set>
                                    <p:animEffect transition="in" filter="wipe(left)">
                                      <p:cBhvr>
                                        <p:cTn id="38" dur="500"/>
                                        <p:tgtEl>
                                          <p:spTgt spid="21"/>
                                        </p:tgtEl>
                                      </p:cBhvr>
                                    </p:animEffect>
                                  </p:childTnLst>
                                </p:cTn>
                              </p:par>
                            </p:childTnLst>
                          </p:cTn>
                        </p:par>
                      </p:childTnLst>
                    </p:cTn>
                  </p:par>
                  <p:par>
                    <p:cTn id="39" fill="hold">
                      <p:stCondLst>
                        <p:cond delay="indefinite"/>
                      </p:stCondLst>
                      <p:childTnLst>
                        <p:par>
                          <p:cTn id="40" fill="hold">
                            <p:stCondLst>
                              <p:cond delay="0"/>
                            </p:stCondLst>
                            <p:childTnLst>
                              <p:par>
                                <p:cTn id="41" presetID="22" presetClass="entr" presetSubtype="8" fill="hold" grpId="0" nodeType="clickEffect">
                                  <p:stCondLst>
                                    <p:cond delay="0"/>
                                  </p:stCondLst>
                                  <p:childTnLst>
                                    <p:set>
                                      <p:cBhvr>
                                        <p:cTn id="42" dur="1" fill="hold">
                                          <p:stCondLst>
                                            <p:cond delay="0"/>
                                          </p:stCondLst>
                                        </p:cTn>
                                        <p:tgtEl>
                                          <p:spTgt spid="23"/>
                                        </p:tgtEl>
                                        <p:attrNameLst>
                                          <p:attrName>style.visibility</p:attrName>
                                        </p:attrNameLst>
                                      </p:cBhvr>
                                      <p:to>
                                        <p:strVal val="visible"/>
                                      </p:to>
                                    </p:set>
                                    <p:animEffect transition="in" filter="wipe(left)">
                                      <p:cBhvr>
                                        <p:cTn id="43" dur="500"/>
                                        <p:tgtEl>
                                          <p:spTgt spid="23"/>
                                        </p:tgtEl>
                                      </p:cBhvr>
                                    </p:animEffect>
                                  </p:childTnLst>
                                </p:cTn>
                              </p:par>
                            </p:childTnLst>
                          </p:cTn>
                        </p:par>
                        <p:par>
                          <p:cTn id="44" fill="hold">
                            <p:stCondLst>
                              <p:cond delay="500"/>
                            </p:stCondLst>
                            <p:childTnLst>
                              <p:par>
                                <p:cTn id="45" presetID="22" presetClass="entr" presetSubtype="8" fill="hold" grpId="0" nodeType="afterEffect">
                                  <p:stCondLst>
                                    <p:cond delay="0"/>
                                  </p:stCondLst>
                                  <p:childTnLst>
                                    <p:set>
                                      <p:cBhvr>
                                        <p:cTn id="46" dur="1" fill="hold">
                                          <p:stCondLst>
                                            <p:cond delay="0"/>
                                          </p:stCondLst>
                                        </p:cTn>
                                        <p:tgtEl>
                                          <p:spTgt spid="24"/>
                                        </p:tgtEl>
                                        <p:attrNameLst>
                                          <p:attrName>style.visibility</p:attrName>
                                        </p:attrNameLst>
                                      </p:cBhvr>
                                      <p:to>
                                        <p:strVal val="visible"/>
                                      </p:to>
                                    </p:set>
                                    <p:animEffect transition="in" filter="wipe(left)">
                                      <p:cBhvr>
                                        <p:cTn id="47" dur="500"/>
                                        <p:tgtEl>
                                          <p:spTgt spid="24"/>
                                        </p:tgtEl>
                                      </p:cBhvr>
                                    </p:animEffect>
                                  </p:childTnLst>
                                </p:cTn>
                              </p:par>
                              <p:par>
                                <p:cTn id="48" presetID="22" presetClass="entr" presetSubtype="8" fill="hold" grpId="0" nodeType="withEffect">
                                  <p:stCondLst>
                                    <p:cond delay="0"/>
                                  </p:stCondLst>
                                  <p:childTnLst>
                                    <p:set>
                                      <p:cBhvr>
                                        <p:cTn id="49" dur="1" fill="hold">
                                          <p:stCondLst>
                                            <p:cond delay="0"/>
                                          </p:stCondLst>
                                        </p:cTn>
                                        <p:tgtEl>
                                          <p:spTgt spid="25"/>
                                        </p:tgtEl>
                                        <p:attrNameLst>
                                          <p:attrName>style.visibility</p:attrName>
                                        </p:attrNameLst>
                                      </p:cBhvr>
                                      <p:to>
                                        <p:strVal val="visible"/>
                                      </p:to>
                                    </p:set>
                                    <p:animEffect transition="in" filter="wipe(left)">
                                      <p:cBhvr>
                                        <p:cTn id="50" dur="500"/>
                                        <p:tgtEl>
                                          <p:spTgt spid="2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19" grpId="0" animBg="1"/>
      <p:bldP spid="20" grpId="0" animBg="1"/>
      <p:bldP spid="21" grpId="0" animBg="1"/>
      <p:bldP spid="22" grpId="0" animBg="1"/>
      <p:bldP spid="23" grpId="0" animBg="1"/>
      <p:bldP spid="24" grpId="0" animBg="1"/>
      <p:bldP spid="25"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bg>
      <p:bgPr>
        <a:gradFill>
          <a:gsLst>
            <a:gs pos="0">
              <a:srgbClr val="FF7979"/>
            </a:gs>
            <a:gs pos="100000">
              <a:srgbClr val="FF5050"/>
            </a:gs>
          </a:gsLst>
          <a:lin ang="5400000" scaled="1"/>
        </a:gradFill>
        <a:effectLst/>
      </p:bgPr>
    </p:bg>
    <p:spTree>
      <p:nvGrpSpPr>
        <p:cNvPr id="1" name=""/>
        <p:cNvGrpSpPr/>
        <p:nvPr/>
      </p:nvGrpSpPr>
      <p:grpSpPr>
        <a:xfrm>
          <a:off x="0" y="0"/>
          <a:ext cx="0" cy="0"/>
          <a:chOff x="0" y="0"/>
          <a:chExt cx="0" cy="0"/>
        </a:xfrm>
      </p:grpSpPr>
      <p:grpSp>
        <p:nvGrpSpPr>
          <p:cNvPr id="2" name="afggf">
            <a:extLst>
              <a:ext uri="{FF2B5EF4-FFF2-40B4-BE49-F238E27FC236}">
                <a16:creationId xmlns:a16="http://schemas.microsoft.com/office/drawing/2014/main" id="{5918459B-A5F8-4FCC-B847-1CBC55CBD388}"/>
              </a:ext>
            </a:extLst>
          </p:cNvPr>
          <p:cNvGrpSpPr/>
          <p:nvPr/>
        </p:nvGrpSpPr>
        <p:grpSpPr>
          <a:xfrm>
            <a:off x="9099917" y="3210665"/>
            <a:ext cx="1562638" cy="3198328"/>
            <a:chOff x="2787883" y="2897133"/>
            <a:chExt cx="1562638" cy="3198328"/>
          </a:xfrm>
        </p:grpSpPr>
        <p:sp>
          <p:nvSpPr>
            <p:cNvPr id="3" name="ffff">
              <a:extLst>
                <a:ext uri="{FF2B5EF4-FFF2-40B4-BE49-F238E27FC236}">
                  <a16:creationId xmlns:a16="http://schemas.microsoft.com/office/drawing/2014/main" id="{C1D6EF6A-8D7D-42DF-8C49-99A0D6004819}"/>
                </a:ext>
              </a:extLst>
            </p:cNvPr>
            <p:cNvSpPr/>
            <p:nvPr/>
          </p:nvSpPr>
          <p:spPr>
            <a:xfrm rot="4226204">
              <a:off x="1788813" y="3896203"/>
              <a:ext cx="3198328" cy="1200188"/>
            </a:xfrm>
            <a:custGeom>
              <a:avLst/>
              <a:gdLst>
                <a:gd name="connsiteX0" fmla="*/ 939165 w 939164"/>
                <a:gd name="connsiteY0" fmla="*/ 176213 h 352425"/>
                <a:gd name="connsiteX1" fmla="*/ 762953 w 939164"/>
                <a:gd name="connsiteY1" fmla="*/ 352425 h 352425"/>
                <a:gd name="connsiteX2" fmla="*/ 670560 w 939164"/>
                <a:gd name="connsiteY2" fmla="*/ 326708 h 352425"/>
                <a:gd name="connsiteX3" fmla="*/ 594360 w 939164"/>
                <a:gd name="connsiteY3" fmla="*/ 267653 h 352425"/>
                <a:gd name="connsiteX4" fmla="*/ 344805 w 939164"/>
                <a:gd name="connsiteY4" fmla="*/ 267653 h 352425"/>
                <a:gd name="connsiteX5" fmla="*/ 268605 w 939164"/>
                <a:gd name="connsiteY5" fmla="*/ 326708 h 352425"/>
                <a:gd name="connsiteX6" fmla="*/ 176213 w 939164"/>
                <a:gd name="connsiteY6" fmla="*/ 352425 h 352425"/>
                <a:gd name="connsiteX7" fmla="*/ 0 w 939164"/>
                <a:gd name="connsiteY7" fmla="*/ 176213 h 352425"/>
                <a:gd name="connsiteX8" fmla="*/ 176213 w 939164"/>
                <a:gd name="connsiteY8" fmla="*/ 0 h 352425"/>
                <a:gd name="connsiteX9" fmla="*/ 268605 w 939164"/>
                <a:gd name="connsiteY9" fmla="*/ 25718 h 352425"/>
                <a:gd name="connsiteX10" fmla="*/ 344805 w 939164"/>
                <a:gd name="connsiteY10" fmla="*/ 84773 h 352425"/>
                <a:gd name="connsiteX11" fmla="*/ 594360 w 939164"/>
                <a:gd name="connsiteY11" fmla="*/ 84773 h 352425"/>
                <a:gd name="connsiteX12" fmla="*/ 670560 w 939164"/>
                <a:gd name="connsiteY12" fmla="*/ 25718 h 352425"/>
                <a:gd name="connsiteX13" fmla="*/ 762953 w 939164"/>
                <a:gd name="connsiteY13" fmla="*/ 0 h 352425"/>
                <a:gd name="connsiteX14" fmla="*/ 939165 w 939164"/>
                <a:gd name="connsiteY14" fmla="*/ 176213 h 352425"/>
                <a:gd name="connsiteX15" fmla="*/ 939165 w 939164"/>
                <a:gd name="connsiteY15" fmla="*/ 176213 h 3524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939164" h="352425">
                  <a:moveTo>
                    <a:pt x="939165" y="176213"/>
                  </a:moveTo>
                  <a:cubicBezTo>
                    <a:pt x="939165" y="273368"/>
                    <a:pt x="860108" y="352425"/>
                    <a:pt x="762953" y="352425"/>
                  </a:cubicBezTo>
                  <a:cubicBezTo>
                    <a:pt x="728663" y="352425"/>
                    <a:pt x="687705" y="336233"/>
                    <a:pt x="670560" y="326708"/>
                  </a:cubicBezTo>
                  <a:cubicBezTo>
                    <a:pt x="653415" y="316230"/>
                    <a:pt x="635318" y="307658"/>
                    <a:pt x="594360" y="267653"/>
                  </a:cubicBezTo>
                  <a:cubicBezTo>
                    <a:pt x="553403" y="227648"/>
                    <a:pt x="384810" y="227648"/>
                    <a:pt x="344805" y="267653"/>
                  </a:cubicBezTo>
                  <a:cubicBezTo>
                    <a:pt x="304800" y="307658"/>
                    <a:pt x="285750" y="317183"/>
                    <a:pt x="268605" y="326708"/>
                  </a:cubicBezTo>
                  <a:cubicBezTo>
                    <a:pt x="251460" y="337185"/>
                    <a:pt x="210503" y="352425"/>
                    <a:pt x="176213" y="352425"/>
                  </a:cubicBezTo>
                  <a:cubicBezTo>
                    <a:pt x="79058" y="352425"/>
                    <a:pt x="0" y="273368"/>
                    <a:pt x="0" y="176213"/>
                  </a:cubicBezTo>
                  <a:cubicBezTo>
                    <a:pt x="0" y="79058"/>
                    <a:pt x="79058" y="0"/>
                    <a:pt x="176213" y="0"/>
                  </a:cubicBezTo>
                  <a:cubicBezTo>
                    <a:pt x="210503" y="0"/>
                    <a:pt x="251460" y="16193"/>
                    <a:pt x="268605" y="25718"/>
                  </a:cubicBezTo>
                  <a:cubicBezTo>
                    <a:pt x="285750" y="35243"/>
                    <a:pt x="303848" y="44768"/>
                    <a:pt x="344805" y="84773"/>
                  </a:cubicBezTo>
                  <a:cubicBezTo>
                    <a:pt x="385763" y="124778"/>
                    <a:pt x="554355" y="124778"/>
                    <a:pt x="594360" y="84773"/>
                  </a:cubicBezTo>
                  <a:cubicBezTo>
                    <a:pt x="634365" y="44768"/>
                    <a:pt x="653415" y="35243"/>
                    <a:pt x="670560" y="25718"/>
                  </a:cubicBezTo>
                  <a:cubicBezTo>
                    <a:pt x="687705" y="15240"/>
                    <a:pt x="728663" y="0"/>
                    <a:pt x="762953" y="0"/>
                  </a:cubicBezTo>
                  <a:cubicBezTo>
                    <a:pt x="860108" y="0"/>
                    <a:pt x="939165" y="79058"/>
                    <a:pt x="939165" y="176213"/>
                  </a:cubicBezTo>
                  <a:lnTo>
                    <a:pt x="939165" y="176213"/>
                  </a:lnTo>
                  <a:close/>
                </a:path>
              </a:pathLst>
            </a:custGeom>
            <a:solidFill>
              <a:srgbClr val="4662B0"/>
            </a:solidFill>
            <a:ln w="9525" cap="flat">
              <a:noFill/>
              <a:prstDash val="solid"/>
              <a:miter/>
            </a:ln>
          </p:spPr>
          <p:txBody>
            <a:bodyPr rtlCol="0" anchor="ctr"/>
            <a:lstStyle/>
            <a:p>
              <a:pPr marL="0" marR="0" lvl="0" indent="0" defTabSz="4572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Arial"/>
                <a:ea typeface="맑은 고딕"/>
              </a:endParaRPr>
            </a:p>
          </p:txBody>
        </p:sp>
        <p:sp>
          <p:nvSpPr>
            <p:cNvPr id="4" name="affg">
              <a:extLst>
                <a:ext uri="{FF2B5EF4-FFF2-40B4-BE49-F238E27FC236}">
                  <a16:creationId xmlns:a16="http://schemas.microsoft.com/office/drawing/2014/main" id="{F3010236-E280-4437-9543-BBC2BC41985C}"/>
                </a:ext>
              </a:extLst>
            </p:cNvPr>
            <p:cNvSpPr/>
            <p:nvPr/>
          </p:nvSpPr>
          <p:spPr>
            <a:xfrm>
              <a:off x="3057675" y="4788739"/>
              <a:ext cx="1292846" cy="1292844"/>
            </a:xfrm>
            <a:prstGeom prst="ellipse">
              <a:avLst/>
            </a:prstGeom>
            <a:solidFill>
              <a:srgbClr val="4662B0"/>
            </a:solidFill>
            <a:ln w="12700" cap="flat" cmpd="sng" algn="ctr">
              <a:noFill/>
              <a:prstDash val="solid"/>
              <a:miter lim="800000"/>
            </a:ln>
            <a:effectLst/>
          </p:spPr>
          <p:txBody>
            <a:bodyPr lIns="0" tIns="0" rIns="0" bIns="108000" rtlCol="0" anchor="ctr"/>
            <a:lstStyle/>
            <a:p>
              <a:pPr marL="0" marR="0" lvl="0" indent="0" algn="ctr" defTabSz="457200" eaLnBrk="1" fontAlgn="auto" latinLnBrk="0" hangingPunct="1">
                <a:lnSpc>
                  <a:spcPct val="100000"/>
                </a:lnSpc>
                <a:spcBef>
                  <a:spcPts val="0"/>
                </a:spcBef>
                <a:spcAft>
                  <a:spcPts val="0"/>
                </a:spcAft>
                <a:buClrTx/>
                <a:buSzTx/>
                <a:buFontTx/>
                <a:buNone/>
                <a:tabLst/>
                <a:defRPr/>
              </a:pPr>
              <a:r>
                <a:rPr kumimoji="0" lang="tr-TR" altLang="ko-KR" b="1"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rPr>
                <a:t>Kur’an okumak</a:t>
              </a:r>
              <a:endParaRPr kumimoji="0" lang="ko-KR" altLang="en-US" sz="1000" b="1"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endParaRPr>
            </a:p>
          </p:txBody>
        </p:sp>
      </p:grpSp>
      <p:grpSp>
        <p:nvGrpSpPr>
          <p:cNvPr id="5" name="afg">
            <a:extLst>
              <a:ext uri="{FF2B5EF4-FFF2-40B4-BE49-F238E27FC236}">
                <a16:creationId xmlns:a16="http://schemas.microsoft.com/office/drawing/2014/main" id="{47DC2661-80DD-457A-9B93-1CBDDEBD58F5}"/>
              </a:ext>
            </a:extLst>
          </p:cNvPr>
          <p:cNvGrpSpPr/>
          <p:nvPr/>
        </p:nvGrpSpPr>
        <p:grpSpPr>
          <a:xfrm>
            <a:off x="8688505" y="1261734"/>
            <a:ext cx="1292846" cy="3237741"/>
            <a:chOff x="2376471" y="948202"/>
            <a:chExt cx="1292846" cy="3237741"/>
          </a:xfrm>
        </p:grpSpPr>
        <p:sp>
          <p:nvSpPr>
            <p:cNvPr id="6" name="affgf">
              <a:extLst>
                <a:ext uri="{FF2B5EF4-FFF2-40B4-BE49-F238E27FC236}">
                  <a16:creationId xmlns:a16="http://schemas.microsoft.com/office/drawing/2014/main" id="{219184EB-22A7-4904-A5DC-E537BF33C6C2}"/>
                </a:ext>
              </a:extLst>
            </p:cNvPr>
            <p:cNvSpPr/>
            <p:nvPr/>
          </p:nvSpPr>
          <p:spPr>
            <a:xfrm rot="16200000">
              <a:off x="1423730" y="1986685"/>
              <a:ext cx="3198328" cy="1200188"/>
            </a:xfrm>
            <a:custGeom>
              <a:avLst/>
              <a:gdLst>
                <a:gd name="connsiteX0" fmla="*/ 939165 w 939164"/>
                <a:gd name="connsiteY0" fmla="*/ 176213 h 352425"/>
                <a:gd name="connsiteX1" fmla="*/ 762953 w 939164"/>
                <a:gd name="connsiteY1" fmla="*/ 352425 h 352425"/>
                <a:gd name="connsiteX2" fmla="*/ 670560 w 939164"/>
                <a:gd name="connsiteY2" fmla="*/ 326708 h 352425"/>
                <a:gd name="connsiteX3" fmla="*/ 594360 w 939164"/>
                <a:gd name="connsiteY3" fmla="*/ 267653 h 352425"/>
                <a:gd name="connsiteX4" fmla="*/ 344805 w 939164"/>
                <a:gd name="connsiteY4" fmla="*/ 267653 h 352425"/>
                <a:gd name="connsiteX5" fmla="*/ 268605 w 939164"/>
                <a:gd name="connsiteY5" fmla="*/ 326708 h 352425"/>
                <a:gd name="connsiteX6" fmla="*/ 176213 w 939164"/>
                <a:gd name="connsiteY6" fmla="*/ 352425 h 352425"/>
                <a:gd name="connsiteX7" fmla="*/ 0 w 939164"/>
                <a:gd name="connsiteY7" fmla="*/ 176213 h 352425"/>
                <a:gd name="connsiteX8" fmla="*/ 176213 w 939164"/>
                <a:gd name="connsiteY8" fmla="*/ 0 h 352425"/>
                <a:gd name="connsiteX9" fmla="*/ 268605 w 939164"/>
                <a:gd name="connsiteY9" fmla="*/ 25718 h 352425"/>
                <a:gd name="connsiteX10" fmla="*/ 344805 w 939164"/>
                <a:gd name="connsiteY10" fmla="*/ 84773 h 352425"/>
                <a:gd name="connsiteX11" fmla="*/ 594360 w 939164"/>
                <a:gd name="connsiteY11" fmla="*/ 84773 h 352425"/>
                <a:gd name="connsiteX12" fmla="*/ 670560 w 939164"/>
                <a:gd name="connsiteY12" fmla="*/ 25718 h 352425"/>
                <a:gd name="connsiteX13" fmla="*/ 762953 w 939164"/>
                <a:gd name="connsiteY13" fmla="*/ 0 h 352425"/>
                <a:gd name="connsiteX14" fmla="*/ 939165 w 939164"/>
                <a:gd name="connsiteY14" fmla="*/ 176213 h 352425"/>
                <a:gd name="connsiteX15" fmla="*/ 939165 w 939164"/>
                <a:gd name="connsiteY15" fmla="*/ 176213 h 3524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939164" h="352425">
                  <a:moveTo>
                    <a:pt x="939165" y="176213"/>
                  </a:moveTo>
                  <a:cubicBezTo>
                    <a:pt x="939165" y="273368"/>
                    <a:pt x="860108" y="352425"/>
                    <a:pt x="762953" y="352425"/>
                  </a:cubicBezTo>
                  <a:cubicBezTo>
                    <a:pt x="728663" y="352425"/>
                    <a:pt x="687705" y="336233"/>
                    <a:pt x="670560" y="326708"/>
                  </a:cubicBezTo>
                  <a:cubicBezTo>
                    <a:pt x="653415" y="316230"/>
                    <a:pt x="635318" y="307658"/>
                    <a:pt x="594360" y="267653"/>
                  </a:cubicBezTo>
                  <a:cubicBezTo>
                    <a:pt x="553403" y="227648"/>
                    <a:pt x="384810" y="227648"/>
                    <a:pt x="344805" y="267653"/>
                  </a:cubicBezTo>
                  <a:cubicBezTo>
                    <a:pt x="304800" y="307658"/>
                    <a:pt x="285750" y="317183"/>
                    <a:pt x="268605" y="326708"/>
                  </a:cubicBezTo>
                  <a:cubicBezTo>
                    <a:pt x="251460" y="337185"/>
                    <a:pt x="210503" y="352425"/>
                    <a:pt x="176213" y="352425"/>
                  </a:cubicBezTo>
                  <a:cubicBezTo>
                    <a:pt x="79058" y="352425"/>
                    <a:pt x="0" y="273368"/>
                    <a:pt x="0" y="176213"/>
                  </a:cubicBezTo>
                  <a:cubicBezTo>
                    <a:pt x="0" y="79058"/>
                    <a:pt x="79058" y="0"/>
                    <a:pt x="176213" y="0"/>
                  </a:cubicBezTo>
                  <a:cubicBezTo>
                    <a:pt x="210503" y="0"/>
                    <a:pt x="251460" y="16193"/>
                    <a:pt x="268605" y="25718"/>
                  </a:cubicBezTo>
                  <a:cubicBezTo>
                    <a:pt x="285750" y="35243"/>
                    <a:pt x="303848" y="44768"/>
                    <a:pt x="344805" y="84773"/>
                  </a:cubicBezTo>
                  <a:cubicBezTo>
                    <a:pt x="385763" y="124778"/>
                    <a:pt x="554355" y="124778"/>
                    <a:pt x="594360" y="84773"/>
                  </a:cubicBezTo>
                  <a:cubicBezTo>
                    <a:pt x="634365" y="44768"/>
                    <a:pt x="653415" y="35243"/>
                    <a:pt x="670560" y="25718"/>
                  </a:cubicBezTo>
                  <a:cubicBezTo>
                    <a:pt x="687705" y="15240"/>
                    <a:pt x="728663" y="0"/>
                    <a:pt x="762953" y="0"/>
                  </a:cubicBezTo>
                  <a:cubicBezTo>
                    <a:pt x="860108" y="0"/>
                    <a:pt x="939165" y="79058"/>
                    <a:pt x="939165" y="176213"/>
                  </a:cubicBezTo>
                  <a:lnTo>
                    <a:pt x="939165" y="176213"/>
                  </a:lnTo>
                  <a:close/>
                </a:path>
              </a:pathLst>
            </a:custGeom>
            <a:solidFill>
              <a:srgbClr val="F9A52B"/>
            </a:solidFill>
            <a:ln w="9525" cap="flat">
              <a:noFill/>
              <a:prstDash val="solid"/>
              <a:miter/>
            </a:ln>
          </p:spPr>
          <p:txBody>
            <a:bodyPr rtlCol="0" anchor="ctr"/>
            <a:lstStyle/>
            <a:p>
              <a:pPr marL="0" marR="0" lvl="0" indent="0" defTabSz="4572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Arial"/>
                <a:ea typeface="맑은 고딕"/>
              </a:endParaRPr>
            </a:p>
          </p:txBody>
        </p:sp>
        <p:sp>
          <p:nvSpPr>
            <p:cNvPr id="7" name="fagf">
              <a:extLst>
                <a:ext uri="{FF2B5EF4-FFF2-40B4-BE49-F238E27FC236}">
                  <a16:creationId xmlns:a16="http://schemas.microsoft.com/office/drawing/2014/main" id="{D9A8F939-6D10-4F2C-9722-C62CCBC450C9}"/>
                </a:ext>
              </a:extLst>
            </p:cNvPr>
            <p:cNvSpPr/>
            <p:nvPr/>
          </p:nvSpPr>
          <p:spPr>
            <a:xfrm>
              <a:off x="2376471" y="948202"/>
              <a:ext cx="1292846" cy="1292844"/>
            </a:xfrm>
            <a:prstGeom prst="ellipse">
              <a:avLst/>
            </a:prstGeom>
            <a:solidFill>
              <a:srgbClr val="F9A52B"/>
            </a:solidFill>
            <a:ln w="12700" cap="flat" cmpd="sng" algn="ctr">
              <a:noFill/>
              <a:prstDash val="solid"/>
              <a:miter lim="800000"/>
            </a:ln>
            <a:effectLst/>
          </p:spPr>
          <p:txBody>
            <a:bodyPr lIns="0" tIns="0" rIns="0" bIns="108000" rtlCol="0" anchor="ctr"/>
            <a:lstStyle/>
            <a:p>
              <a:pPr marL="0" marR="0" lvl="0" indent="0" algn="ctr" defTabSz="457200" eaLnBrk="1" fontAlgn="auto" latinLnBrk="0" hangingPunct="1">
                <a:lnSpc>
                  <a:spcPct val="100000"/>
                </a:lnSpc>
                <a:spcBef>
                  <a:spcPts val="0"/>
                </a:spcBef>
                <a:spcAft>
                  <a:spcPts val="0"/>
                </a:spcAft>
                <a:buClrTx/>
                <a:buSzTx/>
                <a:buFontTx/>
                <a:buNone/>
                <a:tabLst/>
                <a:defRPr/>
              </a:pPr>
              <a:r>
                <a:rPr kumimoji="0" lang="tr-TR" altLang="ko-KR" sz="3200" b="0"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rPr>
                <a:t>Dua</a:t>
              </a:r>
              <a:endParaRPr kumimoji="0" lang="ko-KR" altLang="en-US" sz="3200" b="1"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endParaRPr>
            </a:p>
          </p:txBody>
        </p:sp>
      </p:grpSp>
      <p:grpSp>
        <p:nvGrpSpPr>
          <p:cNvPr id="8" name="ffafa">
            <a:extLst>
              <a:ext uri="{FF2B5EF4-FFF2-40B4-BE49-F238E27FC236}">
                <a16:creationId xmlns:a16="http://schemas.microsoft.com/office/drawing/2014/main" id="{0F83C245-A012-46F0-BA63-9D3D689CAFEF}"/>
              </a:ext>
            </a:extLst>
          </p:cNvPr>
          <p:cNvGrpSpPr/>
          <p:nvPr/>
        </p:nvGrpSpPr>
        <p:grpSpPr>
          <a:xfrm>
            <a:off x="8527466" y="2029895"/>
            <a:ext cx="3198328" cy="1858914"/>
            <a:chOff x="2215432" y="1716363"/>
            <a:chExt cx="3198328" cy="1858914"/>
          </a:xfrm>
        </p:grpSpPr>
        <p:sp>
          <p:nvSpPr>
            <p:cNvPr id="9" name="afgf">
              <a:extLst>
                <a:ext uri="{FF2B5EF4-FFF2-40B4-BE49-F238E27FC236}">
                  <a16:creationId xmlns:a16="http://schemas.microsoft.com/office/drawing/2014/main" id="{E27ADADC-26FC-4F0F-B1CF-EC8718CDC331}"/>
                </a:ext>
              </a:extLst>
            </p:cNvPr>
            <p:cNvSpPr/>
            <p:nvPr/>
          </p:nvSpPr>
          <p:spPr>
            <a:xfrm rot="19301981">
              <a:off x="2215432" y="2375089"/>
              <a:ext cx="3198328" cy="1200188"/>
            </a:xfrm>
            <a:custGeom>
              <a:avLst/>
              <a:gdLst>
                <a:gd name="connsiteX0" fmla="*/ 939165 w 939164"/>
                <a:gd name="connsiteY0" fmla="*/ 176213 h 352425"/>
                <a:gd name="connsiteX1" fmla="*/ 762953 w 939164"/>
                <a:gd name="connsiteY1" fmla="*/ 352425 h 352425"/>
                <a:gd name="connsiteX2" fmla="*/ 670560 w 939164"/>
                <a:gd name="connsiteY2" fmla="*/ 326708 h 352425"/>
                <a:gd name="connsiteX3" fmla="*/ 594360 w 939164"/>
                <a:gd name="connsiteY3" fmla="*/ 267653 h 352425"/>
                <a:gd name="connsiteX4" fmla="*/ 344805 w 939164"/>
                <a:gd name="connsiteY4" fmla="*/ 267653 h 352425"/>
                <a:gd name="connsiteX5" fmla="*/ 268605 w 939164"/>
                <a:gd name="connsiteY5" fmla="*/ 326708 h 352425"/>
                <a:gd name="connsiteX6" fmla="*/ 176213 w 939164"/>
                <a:gd name="connsiteY6" fmla="*/ 352425 h 352425"/>
                <a:gd name="connsiteX7" fmla="*/ 0 w 939164"/>
                <a:gd name="connsiteY7" fmla="*/ 176213 h 352425"/>
                <a:gd name="connsiteX8" fmla="*/ 176213 w 939164"/>
                <a:gd name="connsiteY8" fmla="*/ 0 h 352425"/>
                <a:gd name="connsiteX9" fmla="*/ 268605 w 939164"/>
                <a:gd name="connsiteY9" fmla="*/ 25718 h 352425"/>
                <a:gd name="connsiteX10" fmla="*/ 344805 w 939164"/>
                <a:gd name="connsiteY10" fmla="*/ 84773 h 352425"/>
                <a:gd name="connsiteX11" fmla="*/ 594360 w 939164"/>
                <a:gd name="connsiteY11" fmla="*/ 84773 h 352425"/>
                <a:gd name="connsiteX12" fmla="*/ 670560 w 939164"/>
                <a:gd name="connsiteY12" fmla="*/ 25718 h 352425"/>
                <a:gd name="connsiteX13" fmla="*/ 762953 w 939164"/>
                <a:gd name="connsiteY13" fmla="*/ 0 h 352425"/>
                <a:gd name="connsiteX14" fmla="*/ 939165 w 939164"/>
                <a:gd name="connsiteY14" fmla="*/ 176213 h 352425"/>
                <a:gd name="connsiteX15" fmla="*/ 939165 w 939164"/>
                <a:gd name="connsiteY15" fmla="*/ 176213 h 3524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939164" h="352425">
                  <a:moveTo>
                    <a:pt x="939165" y="176213"/>
                  </a:moveTo>
                  <a:cubicBezTo>
                    <a:pt x="939165" y="273368"/>
                    <a:pt x="860108" y="352425"/>
                    <a:pt x="762953" y="352425"/>
                  </a:cubicBezTo>
                  <a:cubicBezTo>
                    <a:pt x="728663" y="352425"/>
                    <a:pt x="687705" y="336233"/>
                    <a:pt x="670560" y="326708"/>
                  </a:cubicBezTo>
                  <a:cubicBezTo>
                    <a:pt x="653415" y="316230"/>
                    <a:pt x="635318" y="307658"/>
                    <a:pt x="594360" y="267653"/>
                  </a:cubicBezTo>
                  <a:cubicBezTo>
                    <a:pt x="553403" y="227648"/>
                    <a:pt x="384810" y="227648"/>
                    <a:pt x="344805" y="267653"/>
                  </a:cubicBezTo>
                  <a:cubicBezTo>
                    <a:pt x="304800" y="307658"/>
                    <a:pt x="285750" y="317183"/>
                    <a:pt x="268605" y="326708"/>
                  </a:cubicBezTo>
                  <a:cubicBezTo>
                    <a:pt x="251460" y="337185"/>
                    <a:pt x="210503" y="352425"/>
                    <a:pt x="176213" y="352425"/>
                  </a:cubicBezTo>
                  <a:cubicBezTo>
                    <a:pt x="79058" y="352425"/>
                    <a:pt x="0" y="273368"/>
                    <a:pt x="0" y="176213"/>
                  </a:cubicBezTo>
                  <a:cubicBezTo>
                    <a:pt x="0" y="79058"/>
                    <a:pt x="79058" y="0"/>
                    <a:pt x="176213" y="0"/>
                  </a:cubicBezTo>
                  <a:cubicBezTo>
                    <a:pt x="210503" y="0"/>
                    <a:pt x="251460" y="16193"/>
                    <a:pt x="268605" y="25718"/>
                  </a:cubicBezTo>
                  <a:cubicBezTo>
                    <a:pt x="285750" y="35243"/>
                    <a:pt x="303848" y="44768"/>
                    <a:pt x="344805" y="84773"/>
                  </a:cubicBezTo>
                  <a:cubicBezTo>
                    <a:pt x="385763" y="124778"/>
                    <a:pt x="554355" y="124778"/>
                    <a:pt x="594360" y="84773"/>
                  </a:cubicBezTo>
                  <a:cubicBezTo>
                    <a:pt x="634365" y="44768"/>
                    <a:pt x="653415" y="35243"/>
                    <a:pt x="670560" y="25718"/>
                  </a:cubicBezTo>
                  <a:cubicBezTo>
                    <a:pt x="687705" y="15240"/>
                    <a:pt x="728663" y="0"/>
                    <a:pt x="762953" y="0"/>
                  </a:cubicBezTo>
                  <a:cubicBezTo>
                    <a:pt x="860108" y="0"/>
                    <a:pt x="939165" y="79058"/>
                    <a:pt x="939165" y="176213"/>
                  </a:cubicBezTo>
                  <a:lnTo>
                    <a:pt x="939165" y="176213"/>
                  </a:lnTo>
                  <a:close/>
                </a:path>
              </a:pathLst>
            </a:custGeom>
            <a:solidFill>
              <a:srgbClr val="FF5235"/>
            </a:solidFill>
            <a:ln w="9525" cap="flat">
              <a:noFill/>
              <a:prstDash val="solid"/>
              <a:miter/>
            </a:ln>
          </p:spPr>
          <p:txBody>
            <a:bodyPr rtlCol="0" anchor="ctr"/>
            <a:lstStyle/>
            <a:p>
              <a:pPr marL="0" marR="0" lvl="0" indent="0" defTabSz="4572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Arial"/>
                <a:ea typeface="맑은 고딕"/>
              </a:endParaRPr>
            </a:p>
          </p:txBody>
        </p:sp>
        <p:sp>
          <p:nvSpPr>
            <p:cNvPr id="10" name="asfg">
              <a:extLst>
                <a:ext uri="{FF2B5EF4-FFF2-40B4-BE49-F238E27FC236}">
                  <a16:creationId xmlns:a16="http://schemas.microsoft.com/office/drawing/2014/main" id="{569726F0-4DE3-4CDE-B2F1-1765FFF9D93D}"/>
                </a:ext>
              </a:extLst>
            </p:cNvPr>
            <p:cNvSpPr/>
            <p:nvPr/>
          </p:nvSpPr>
          <p:spPr>
            <a:xfrm>
              <a:off x="3960776" y="1716363"/>
              <a:ext cx="1292846" cy="1292844"/>
            </a:xfrm>
            <a:prstGeom prst="ellipse">
              <a:avLst/>
            </a:prstGeom>
            <a:solidFill>
              <a:srgbClr val="FF5235"/>
            </a:solidFill>
            <a:ln w="12700" cap="flat" cmpd="sng" algn="ctr">
              <a:noFill/>
              <a:prstDash val="solid"/>
              <a:miter lim="800000"/>
            </a:ln>
            <a:effectLst/>
          </p:spPr>
          <p:txBody>
            <a:bodyPr lIns="0" tIns="0" rIns="0" bIns="108000" rtlCol="0" anchor="ctr"/>
            <a:lstStyle/>
            <a:p>
              <a:pPr marL="0" marR="0" lvl="0" indent="0" algn="ctr" defTabSz="457200" eaLnBrk="1" fontAlgn="auto" latinLnBrk="0" hangingPunct="1">
                <a:lnSpc>
                  <a:spcPct val="100000"/>
                </a:lnSpc>
                <a:spcBef>
                  <a:spcPts val="0"/>
                </a:spcBef>
                <a:spcAft>
                  <a:spcPts val="0"/>
                </a:spcAft>
                <a:buClrTx/>
                <a:buSzTx/>
                <a:buFontTx/>
                <a:buNone/>
                <a:tabLst/>
                <a:defRPr/>
              </a:pPr>
              <a:r>
                <a:rPr kumimoji="0" lang="tr-TR" altLang="ko-KR" sz="2400" b="0"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rPr>
                <a:t>İbadet</a:t>
              </a:r>
              <a:endParaRPr kumimoji="0" lang="ko-KR" altLang="en-US" sz="2400" b="1"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endParaRPr>
            </a:p>
          </p:txBody>
        </p:sp>
      </p:grpSp>
      <p:grpSp>
        <p:nvGrpSpPr>
          <p:cNvPr id="11" name="vv">
            <a:extLst>
              <a:ext uri="{FF2B5EF4-FFF2-40B4-BE49-F238E27FC236}">
                <a16:creationId xmlns:a16="http://schemas.microsoft.com/office/drawing/2014/main" id="{3BEFAC11-A3A5-47C0-B6BF-9DB0F0151EE5}"/>
              </a:ext>
            </a:extLst>
          </p:cNvPr>
          <p:cNvGrpSpPr/>
          <p:nvPr/>
        </p:nvGrpSpPr>
        <p:grpSpPr>
          <a:xfrm>
            <a:off x="8708203" y="3580734"/>
            <a:ext cx="3198328" cy="1544167"/>
            <a:chOff x="2396169" y="3267202"/>
            <a:chExt cx="3198328" cy="1544167"/>
          </a:xfrm>
        </p:grpSpPr>
        <p:sp>
          <p:nvSpPr>
            <p:cNvPr id="12" name="fda">
              <a:extLst>
                <a:ext uri="{FF2B5EF4-FFF2-40B4-BE49-F238E27FC236}">
                  <a16:creationId xmlns:a16="http://schemas.microsoft.com/office/drawing/2014/main" id="{1EBC1FAE-8F51-4984-AF0D-47FAAA46324A}"/>
                </a:ext>
              </a:extLst>
            </p:cNvPr>
            <p:cNvSpPr/>
            <p:nvPr/>
          </p:nvSpPr>
          <p:spPr>
            <a:xfrm rot="952521">
              <a:off x="2396169" y="3267202"/>
              <a:ext cx="3198328" cy="1200188"/>
            </a:xfrm>
            <a:custGeom>
              <a:avLst/>
              <a:gdLst>
                <a:gd name="connsiteX0" fmla="*/ 939165 w 939164"/>
                <a:gd name="connsiteY0" fmla="*/ 176213 h 352425"/>
                <a:gd name="connsiteX1" fmla="*/ 762953 w 939164"/>
                <a:gd name="connsiteY1" fmla="*/ 352425 h 352425"/>
                <a:gd name="connsiteX2" fmla="*/ 670560 w 939164"/>
                <a:gd name="connsiteY2" fmla="*/ 326708 h 352425"/>
                <a:gd name="connsiteX3" fmla="*/ 594360 w 939164"/>
                <a:gd name="connsiteY3" fmla="*/ 267653 h 352425"/>
                <a:gd name="connsiteX4" fmla="*/ 344805 w 939164"/>
                <a:gd name="connsiteY4" fmla="*/ 267653 h 352425"/>
                <a:gd name="connsiteX5" fmla="*/ 268605 w 939164"/>
                <a:gd name="connsiteY5" fmla="*/ 326708 h 352425"/>
                <a:gd name="connsiteX6" fmla="*/ 176213 w 939164"/>
                <a:gd name="connsiteY6" fmla="*/ 352425 h 352425"/>
                <a:gd name="connsiteX7" fmla="*/ 0 w 939164"/>
                <a:gd name="connsiteY7" fmla="*/ 176213 h 352425"/>
                <a:gd name="connsiteX8" fmla="*/ 176213 w 939164"/>
                <a:gd name="connsiteY8" fmla="*/ 0 h 352425"/>
                <a:gd name="connsiteX9" fmla="*/ 268605 w 939164"/>
                <a:gd name="connsiteY9" fmla="*/ 25718 h 352425"/>
                <a:gd name="connsiteX10" fmla="*/ 344805 w 939164"/>
                <a:gd name="connsiteY10" fmla="*/ 84773 h 352425"/>
                <a:gd name="connsiteX11" fmla="*/ 594360 w 939164"/>
                <a:gd name="connsiteY11" fmla="*/ 84773 h 352425"/>
                <a:gd name="connsiteX12" fmla="*/ 670560 w 939164"/>
                <a:gd name="connsiteY12" fmla="*/ 25718 h 352425"/>
                <a:gd name="connsiteX13" fmla="*/ 762953 w 939164"/>
                <a:gd name="connsiteY13" fmla="*/ 0 h 352425"/>
                <a:gd name="connsiteX14" fmla="*/ 939165 w 939164"/>
                <a:gd name="connsiteY14" fmla="*/ 176213 h 352425"/>
                <a:gd name="connsiteX15" fmla="*/ 939165 w 939164"/>
                <a:gd name="connsiteY15" fmla="*/ 176213 h 3524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939164" h="352425">
                  <a:moveTo>
                    <a:pt x="939165" y="176213"/>
                  </a:moveTo>
                  <a:cubicBezTo>
                    <a:pt x="939165" y="273368"/>
                    <a:pt x="860108" y="352425"/>
                    <a:pt x="762953" y="352425"/>
                  </a:cubicBezTo>
                  <a:cubicBezTo>
                    <a:pt x="728663" y="352425"/>
                    <a:pt x="687705" y="336233"/>
                    <a:pt x="670560" y="326708"/>
                  </a:cubicBezTo>
                  <a:cubicBezTo>
                    <a:pt x="653415" y="316230"/>
                    <a:pt x="635318" y="307658"/>
                    <a:pt x="594360" y="267653"/>
                  </a:cubicBezTo>
                  <a:cubicBezTo>
                    <a:pt x="553403" y="227648"/>
                    <a:pt x="384810" y="227648"/>
                    <a:pt x="344805" y="267653"/>
                  </a:cubicBezTo>
                  <a:cubicBezTo>
                    <a:pt x="304800" y="307658"/>
                    <a:pt x="285750" y="317183"/>
                    <a:pt x="268605" y="326708"/>
                  </a:cubicBezTo>
                  <a:cubicBezTo>
                    <a:pt x="251460" y="337185"/>
                    <a:pt x="210503" y="352425"/>
                    <a:pt x="176213" y="352425"/>
                  </a:cubicBezTo>
                  <a:cubicBezTo>
                    <a:pt x="79058" y="352425"/>
                    <a:pt x="0" y="273368"/>
                    <a:pt x="0" y="176213"/>
                  </a:cubicBezTo>
                  <a:cubicBezTo>
                    <a:pt x="0" y="79058"/>
                    <a:pt x="79058" y="0"/>
                    <a:pt x="176213" y="0"/>
                  </a:cubicBezTo>
                  <a:cubicBezTo>
                    <a:pt x="210503" y="0"/>
                    <a:pt x="251460" y="16193"/>
                    <a:pt x="268605" y="25718"/>
                  </a:cubicBezTo>
                  <a:cubicBezTo>
                    <a:pt x="285750" y="35243"/>
                    <a:pt x="303848" y="44768"/>
                    <a:pt x="344805" y="84773"/>
                  </a:cubicBezTo>
                  <a:cubicBezTo>
                    <a:pt x="385763" y="124778"/>
                    <a:pt x="554355" y="124778"/>
                    <a:pt x="594360" y="84773"/>
                  </a:cubicBezTo>
                  <a:cubicBezTo>
                    <a:pt x="634365" y="44768"/>
                    <a:pt x="653415" y="35243"/>
                    <a:pt x="670560" y="25718"/>
                  </a:cubicBezTo>
                  <a:cubicBezTo>
                    <a:pt x="687705" y="15240"/>
                    <a:pt x="728663" y="0"/>
                    <a:pt x="762953" y="0"/>
                  </a:cubicBezTo>
                  <a:cubicBezTo>
                    <a:pt x="860108" y="0"/>
                    <a:pt x="939165" y="79058"/>
                    <a:pt x="939165" y="176213"/>
                  </a:cubicBezTo>
                  <a:lnTo>
                    <a:pt x="939165" y="176213"/>
                  </a:lnTo>
                  <a:close/>
                </a:path>
              </a:pathLst>
            </a:custGeom>
            <a:solidFill>
              <a:srgbClr val="01A4D7"/>
            </a:solidFill>
            <a:ln w="9525" cap="flat">
              <a:noFill/>
              <a:prstDash val="solid"/>
              <a:miter/>
            </a:ln>
          </p:spPr>
          <p:txBody>
            <a:bodyPr rtlCol="0" anchor="ctr"/>
            <a:lstStyle/>
            <a:p>
              <a:pPr marL="0" marR="0" lvl="0" indent="0" defTabSz="4572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Arial"/>
                <a:ea typeface="맑은 고딕"/>
              </a:endParaRPr>
            </a:p>
          </p:txBody>
        </p:sp>
        <p:sp>
          <p:nvSpPr>
            <p:cNvPr id="13" name="vrge77">
              <a:extLst>
                <a:ext uri="{FF2B5EF4-FFF2-40B4-BE49-F238E27FC236}">
                  <a16:creationId xmlns:a16="http://schemas.microsoft.com/office/drawing/2014/main" id="{F5B41376-E33F-43A0-B74C-9895247E02A8}"/>
                </a:ext>
              </a:extLst>
            </p:cNvPr>
            <p:cNvSpPr/>
            <p:nvPr/>
          </p:nvSpPr>
          <p:spPr>
            <a:xfrm>
              <a:off x="4278728" y="3518525"/>
              <a:ext cx="1292846" cy="1292844"/>
            </a:xfrm>
            <a:prstGeom prst="ellipse">
              <a:avLst/>
            </a:prstGeom>
            <a:solidFill>
              <a:srgbClr val="01A4D7"/>
            </a:solidFill>
            <a:ln w="12700" cap="flat" cmpd="sng" algn="ctr">
              <a:noFill/>
              <a:prstDash val="solid"/>
              <a:miter lim="800000"/>
            </a:ln>
            <a:effectLst/>
          </p:spPr>
          <p:txBody>
            <a:bodyPr lIns="0" tIns="0" rIns="0" bIns="108000" rtlCol="0" anchor="ctr"/>
            <a:lstStyle/>
            <a:p>
              <a:pPr marL="0" marR="0" lvl="0" indent="0" algn="ctr" defTabSz="457200" eaLnBrk="1" fontAlgn="auto" latinLnBrk="0" hangingPunct="1">
                <a:lnSpc>
                  <a:spcPct val="100000"/>
                </a:lnSpc>
                <a:spcBef>
                  <a:spcPts val="0"/>
                </a:spcBef>
                <a:spcAft>
                  <a:spcPts val="0"/>
                </a:spcAft>
                <a:buClrTx/>
                <a:buSzTx/>
                <a:buFontTx/>
                <a:buNone/>
                <a:tabLst/>
                <a:defRPr/>
              </a:pPr>
              <a:r>
                <a:rPr kumimoji="0" lang="tr-TR" altLang="ko-KR" sz="2500" b="0"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rPr>
                <a:t>Tövbe</a:t>
              </a:r>
              <a:endParaRPr kumimoji="0" lang="ko-KR" altLang="en-US" sz="2500" b="1"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endParaRPr>
            </a:p>
          </p:txBody>
        </p:sp>
      </p:grpSp>
      <p:sp>
        <p:nvSpPr>
          <p:cNvPr id="14" name="vv">
            <a:extLst>
              <a:ext uri="{FF2B5EF4-FFF2-40B4-BE49-F238E27FC236}">
                <a16:creationId xmlns:a16="http://schemas.microsoft.com/office/drawing/2014/main" id="{3D9BB847-8C32-40A2-A1A0-69034B675820}"/>
              </a:ext>
            </a:extLst>
          </p:cNvPr>
          <p:cNvSpPr/>
          <p:nvPr/>
        </p:nvSpPr>
        <p:spPr>
          <a:xfrm>
            <a:off x="8484385" y="3044032"/>
            <a:ext cx="1701086" cy="1701086"/>
          </a:xfrm>
          <a:prstGeom prst="ellipse">
            <a:avLst/>
          </a:prstGeom>
          <a:solidFill>
            <a:sysClr val="window" lastClr="FFFFFF"/>
          </a:solidFill>
          <a:ln w="101600" cap="flat" cmpd="sng" algn="ctr">
            <a:solidFill>
              <a:sysClr val="window" lastClr="FFFFFF">
                <a:lumMod val="85000"/>
              </a:sysClr>
            </a:solidFill>
            <a:prstDash val="solid"/>
            <a:miter lim="800000"/>
          </a:ln>
          <a:effectLst/>
        </p:spPr>
        <p:txBody>
          <a:bodyPr lIns="0" tIns="0" rIns="0" bIns="0" rtlCol="0" anchor="ctr"/>
          <a:lstStyle/>
          <a:p>
            <a:pPr marL="0" marR="0" lvl="0" indent="0" algn="ctr" defTabSz="4572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Arial"/>
              <a:ea typeface="맑은 고딕"/>
              <a:cs typeface="+mn-cs"/>
            </a:endParaRPr>
          </a:p>
        </p:txBody>
      </p:sp>
      <p:sp>
        <p:nvSpPr>
          <p:cNvPr id="15" name="TextBox 64">
            <a:extLst>
              <a:ext uri="{FF2B5EF4-FFF2-40B4-BE49-F238E27FC236}">
                <a16:creationId xmlns:a16="http://schemas.microsoft.com/office/drawing/2014/main" id="{04AEE107-7AF5-4208-9E8F-5817CAEAE3A5}"/>
              </a:ext>
            </a:extLst>
          </p:cNvPr>
          <p:cNvSpPr txBox="1"/>
          <p:nvPr/>
        </p:nvSpPr>
        <p:spPr>
          <a:xfrm>
            <a:off x="8545747" y="3602378"/>
            <a:ext cx="1578363" cy="584394"/>
          </a:xfrm>
          <a:prstGeom prst="rect">
            <a:avLst/>
          </a:prstGeom>
          <a:noFill/>
        </p:spPr>
        <p:txBody>
          <a:bodyPr wrap="square" lIns="0" tIns="0" rIns="0" bIns="0" rtlCol="0" anchor="ctr">
            <a:noAutofit/>
          </a:bodyPr>
          <a:lstStyle>
            <a:defPPr>
              <a:defRPr lang="en-US"/>
            </a:defPPr>
            <a:lvl1pPr>
              <a:defRPr sz="3200">
                <a:latin typeface="Bahnschrift SemiBold" panose="020B0502040204020203" pitchFamily="34" charset="0"/>
                <a:ea typeface="나눔스퀘어 ExtraBold" panose="020B0600000101010101" pitchFamily="50" charset="-127"/>
              </a:defRPr>
            </a:lvl1pPr>
          </a:lstStyle>
          <a:p>
            <a:pPr algn="ctr" defTabSz="457200"/>
            <a:r>
              <a:rPr lang="tr-TR" sz="2000" b="1" dirty="0">
                <a:latin typeface="+mn-lt"/>
              </a:rPr>
              <a:t>Allah ile iletişim kurma yolları</a:t>
            </a:r>
          </a:p>
        </p:txBody>
      </p:sp>
      <p:sp>
        <p:nvSpPr>
          <p:cNvPr id="16" name="Dikdörtgen 15"/>
          <p:cNvSpPr/>
          <p:nvPr/>
        </p:nvSpPr>
        <p:spPr>
          <a:xfrm>
            <a:off x="413922" y="2223204"/>
            <a:ext cx="7697256" cy="3046988"/>
          </a:xfrm>
          <a:prstGeom prst="rect">
            <a:avLst/>
          </a:prstGeom>
          <a:ln w="38100">
            <a:solidFill>
              <a:schemeClr val="accent2">
                <a:lumMod val="60000"/>
                <a:lumOff val="40000"/>
              </a:schemeClr>
            </a:solidFill>
          </a:ln>
        </p:spPr>
        <p:txBody>
          <a:bodyPr wrap="square">
            <a:spAutoFit/>
          </a:bodyPr>
          <a:lstStyle/>
          <a:p>
            <a:pPr marL="457200" indent="-457200" algn="just">
              <a:buFont typeface="Wingdings" panose="05000000000000000000" pitchFamily="2" charset="2"/>
              <a:buChar char="Ø"/>
            </a:pPr>
            <a:r>
              <a:rPr lang="tr-TR" sz="3200" dirty="0"/>
              <a:t>Yüce Allah da insanın kendisiyle irtibat kurmasını istemektedir. </a:t>
            </a:r>
          </a:p>
          <a:p>
            <a:pPr algn="just"/>
            <a:endParaRPr lang="tr-TR" sz="3200" dirty="0"/>
          </a:p>
          <a:p>
            <a:pPr marL="457200" indent="-457200" algn="just">
              <a:buFont typeface="Wingdings" panose="05000000000000000000" pitchFamily="2" charset="2"/>
              <a:buChar char="Ø"/>
            </a:pPr>
            <a:r>
              <a:rPr lang="tr-TR" sz="3200" dirty="0"/>
              <a:t>İnsanın Allah’la (</a:t>
            </a:r>
            <a:r>
              <a:rPr lang="tr-TR" sz="3200" dirty="0" err="1"/>
              <a:t>c.c</a:t>
            </a:r>
            <a:r>
              <a:rPr lang="tr-TR" sz="3200" dirty="0"/>
              <a:t>.) irtibatı dua, ibadet, tövbe ve Kur’an okuma gibi yollarla gerçekleşir.</a:t>
            </a:r>
          </a:p>
        </p:txBody>
      </p:sp>
      <p:sp>
        <p:nvSpPr>
          <p:cNvPr id="17" name="Dikdörtgen 16"/>
          <p:cNvSpPr/>
          <p:nvPr/>
        </p:nvSpPr>
        <p:spPr>
          <a:xfrm>
            <a:off x="892476" y="480175"/>
            <a:ext cx="6671369" cy="869430"/>
          </a:xfrm>
          <a:prstGeom prst="rect">
            <a:avLst/>
          </a:prstGeom>
          <a:solidFill>
            <a:schemeClr val="accent4">
              <a:lumMod val="60000"/>
              <a:lumOff val="40000"/>
            </a:schemeClr>
          </a:solidFill>
          <a:ln>
            <a:solidFill>
              <a:schemeClr val="accent1">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Allah ile iletişim kurma yolları</a:t>
            </a:r>
          </a:p>
        </p:txBody>
      </p:sp>
    </p:spTree>
    <p:custDataLst>
      <p:tags r:id="rId1"/>
    </p:custDataLst>
    <p:extLst>
      <p:ext uri="{BB962C8B-B14F-4D97-AF65-F5344CB8AC3E}">
        <p14:creationId xmlns:p14="http://schemas.microsoft.com/office/powerpoint/2010/main" val="15904636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wipe(left)">
                                      <p:cBhvr>
                                        <p:cTn id="7" dur="500"/>
                                        <p:tgtEl>
                                          <p:spTgt spid="16"/>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16">
                                            <p:txEl>
                                              <p:pRg st="0" end="0"/>
                                            </p:txEl>
                                          </p:spTgt>
                                        </p:tgtEl>
                                        <p:attrNameLst>
                                          <p:attrName>style.visibility</p:attrName>
                                        </p:attrNameLst>
                                      </p:cBhvr>
                                      <p:to>
                                        <p:strVal val="visible"/>
                                      </p:to>
                                    </p:set>
                                    <p:animEffect transition="in" filter="wipe(left)">
                                      <p:cBhvr>
                                        <p:cTn id="11" dur="500"/>
                                        <p:tgtEl>
                                          <p:spTgt spid="16">
                                            <p:txEl>
                                              <p:pRg st="0" end="0"/>
                                            </p:txEl>
                                          </p:spTgt>
                                        </p:tgtEl>
                                      </p:cBhvr>
                                    </p:animEffect>
                                  </p:childTnLst>
                                </p:cTn>
                              </p:par>
                            </p:childTnLst>
                          </p:cTn>
                        </p:par>
                        <p:par>
                          <p:cTn id="12" fill="hold">
                            <p:stCondLst>
                              <p:cond delay="1000"/>
                            </p:stCondLst>
                            <p:childTnLst>
                              <p:par>
                                <p:cTn id="13" presetID="22" presetClass="entr" presetSubtype="8" fill="hold" nodeType="afterEffect">
                                  <p:stCondLst>
                                    <p:cond delay="250"/>
                                  </p:stCondLst>
                                  <p:childTnLst>
                                    <p:set>
                                      <p:cBhvr>
                                        <p:cTn id="14" dur="1" fill="hold">
                                          <p:stCondLst>
                                            <p:cond delay="0"/>
                                          </p:stCondLst>
                                        </p:cTn>
                                        <p:tgtEl>
                                          <p:spTgt spid="16">
                                            <p:txEl>
                                              <p:pRg st="2" end="2"/>
                                            </p:txEl>
                                          </p:spTgt>
                                        </p:tgtEl>
                                        <p:attrNameLst>
                                          <p:attrName>style.visibility</p:attrName>
                                        </p:attrNameLst>
                                      </p:cBhvr>
                                      <p:to>
                                        <p:strVal val="visible"/>
                                      </p:to>
                                    </p:set>
                                    <p:animEffect transition="in" filter="wipe(left)">
                                      <p:cBhvr>
                                        <p:cTn id="15" dur="500"/>
                                        <p:tgtEl>
                                          <p:spTgt spid="16">
                                            <p:txEl>
                                              <p:pRg st="2" end="2"/>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8" fill="hold" grpId="0" nodeType="clickEffect">
                                  <p:stCondLst>
                                    <p:cond delay="0"/>
                                  </p:stCondLst>
                                  <p:childTnLst>
                                    <p:set>
                                      <p:cBhvr>
                                        <p:cTn id="19" dur="1" fill="hold">
                                          <p:stCondLst>
                                            <p:cond delay="0"/>
                                          </p:stCondLst>
                                        </p:cTn>
                                        <p:tgtEl>
                                          <p:spTgt spid="14"/>
                                        </p:tgtEl>
                                        <p:attrNameLst>
                                          <p:attrName>style.visibility</p:attrName>
                                        </p:attrNameLst>
                                      </p:cBhvr>
                                      <p:to>
                                        <p:strVal val="visible"/>
                                      </p:to>
                                    </p:set>
                                    <p:animEffect transition="in" filter="wipe(left)">
                                      <p:cBhvr>
                                        <p:cTn id="20" dur="500"/>
                                        <p:tgtEl>
                                          <p:spTgt spid="14"/>
                                        </p:tgtEl>
                                      </p:cBhvr>
                                    </p:animEffect>
                                  </p:childTnLst>
                                </p:cTn>
                              </p:par>
                              <p:par>
                                <p:cTn id="21" presetID="22" presetClass="entr" presetSubtype="8" fill="hold" grpId="0" nodeType="withEffect">
                                  <p:stCondLst>
                                    <p:cond delay="0"/>
                                  </p:stCondLst>
                                  <p:childTnLst>
                                    <p:set>
                                      <p:cBhvr>
                                        <p:cTn id="22" dur="1" fill="hold">
                                          <p:stCondLst>
                                            <p:cond delay="0"/>
                                          </p:stCondLst>
                                        </p:cTn>
                                        <p:tgtEl>
                                          <p:spTgt spid="15"/>
                                        </p:tgtEl>
                                        <p:attrNameLst>
                                          <p:attrName>style.visibility</p:attrName>
                                        </p:attrNameLst>
                                      </p:cBhvr>
                                      <p:to>
                                        <p:strVal val="visible"/>
                                      </p:to>
                                    </p:set>
                                    <p:animEffect transition="in" filter="wipe(left)">
                                      <p:cBhvr>
                                        <p:cTn id="23" dur="500"/>
                                        <p:tgtEl>
                                          <p:spTgt spid="15"/>
                                        </p:tgtEl>
                                      </p:cBhvr>
                                    </p:animEffect>
                                  </p:childTnLst>
                                </p:cTn>
                              </p:par>
                            </p:childTnLst>
                          </p:cTn>
                        </p:par>
                      </p:childTnLst>
                    </p:cTn>
                  </p:par>
                  <p:par>
                    <p:cTn id="24" fill="hold">
                      <p:stCondLst>
                        <p:cond delay="indefinite"/>
                      </p:stCondLst>
                      <p:childTnLst>
                        <p:par>
                          <p:cTn id="25" fill="hold">
                            <p:stCondLst>
                              <p:cond delay="0"/>
                            </p:stCondLst>
                            <p:childTnLst>
                              <p:par>
                                <p:cTn id="26" presetID="22" presetClass="entr" presetSubtype="4" fill="hold" nodeType="clickEffect">
                                  <p:stCondLst>
                                    <p:cond delay="0"/>
                                  </p:stCondLst>
                                  <p:childTnLst>
                                    <p:set>
                                      <p:cBhvr>
                                        <p:cTn id="27" dur="1" fill="hold">
                                          <p:stCondLst>
                                            <p:cond delay="0"/>
                                          </p:stCondLst>
                                        </p:cTn>
                                        <p:tgtEl>
                                          <p:spTgt spid="5"/>
                                        </p:tgtEl>
                                        <p:attrNameLst>
                                          <p:attrName>style.visibility</p:attrName>
                                        </p:attrNameLst>
                                      </p:cBhvr>
                                      <p:to>
                                        <p:strVal val="visible"/>
                                      </p:to>
                                    </p:set>
                                    <p:animEffect transition="in" filter="wipe(down)">
                                      <p:cBhvr>
                                        <p:cTn id="28" dur="500"/>
                                        <p:tgtEl>
                                          <p:spTgt spid="5"/>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4" fill="hold" nodeType="clickEffect">
                                  <p:stCondLst>
                                    <p:cond delay="0"/>
                                  </p:stCondLst>
                                  <p:childTnLst>
                                    <p:set>
                                      <p:cBhvr>
                                        <p:cTn id="32" dur="1" fill="hold">
                                          <p:stCondLst>
                                            <p:cond delay="0"/>
                                          </p:stCondLst>
                                        </p:cTn>
                                        <p:tgtEl>
                                          <p:spTgt spid="8"/>
                                        </p:tgtEl>
                                        <p:attrNameLst>
                                          <p:attrName>style.visibility</p:attrName>
                                        </p:attrNameLst>
                                      </p:cBhvr>
                                      <p:to>
                                        <p:strVal val="visible"/>
                                      </p:to>
                                    </p:set>
                                    <p:animEffect transition="in" filter="wipe(down)">
                                      <p:cBhvr>
                                        <p:cTn id="33" dur="500"/>
                                        <p:tgtEl>
                                          <p:spTgt spid="8"/>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8" fill="hold" nodeType="clickEffect">
                                  <p:stCondLst>
                                    <p:cond delay="0"/>
                                  </p:stCondLst>
                                  <p:childTnLst>
                                    <p:set>
                                      <p:cBhvr>
                                        <p:cTn id="37" dur="1" fill="hold">
                                          <p:stCondLst>
                                            <p:cond delay="0"/>
                                          </p:stCondLst>
                                        </p:cTn>
                                        <p:tgtEl>
                                          <p:spTgt spid="11"/>
                                        </p:tgtEl>
                                        <p:attrNameLst>
                                          <p:attrName>style.visibility</p:attrName>
                                        </p:attrNameLst>
                                      </p:cBhvr>
                                      <p:to>
                                        <p:strVal val="visible"/>
                                      </p:to>
                                    </p:set>
                                    <p:animEffect transition="in" filter="wipe(left)">
                                      <p:cBhvr>
                                        <p:cTn id="38" dur="500"/>
                                        <p:tgtEl>
                                          <p:spTgt spid="11"/>
                                        </p:tgtEl>
                                      </p:cBhvr>
                                    </p:animEffect>
                                  </p:childTnLst>
                                </p:cTn>
                              </p:par>
                            </p:childTnLst>
                          </p:cTn>
                        </p:par>
                      </p:childTnLst>
                    </p:cTn>
                  </p:par>
                  <p:par>
                    <p:cTn id="39" fill="hold">
                      <p:stCondLst>
                        <p:cond delay="indefinite"/>
                      </p:stCondLst>
                      <p:childTnLst>
                        <p:par>
                          <p:cTn id="40" fill="hold">
                            <p:stCondLst>
                              <p:cond delay="0"/>
                            </p:stCondLst>
                            <p:childTnLst>
                              <p:par>
                                <p:cTn id="41" presetID="22" presetClass="entr" presetSubtype="1" fill="hold" nodeType="clickEffect">
                                  <p:stCondLst>
                                    <p:cond delay="0"/>
                                  </p:stCondLst>
                                  <p:childTnLst>
                                    <p:set>
                                      <p:cBhvr>
                                        <p:cTn id="42" dur="1" fill="hold">
                                          <p:stCondLst>
                                            <p:cond delay="0"/>
                                          </p:stCondLst>
                                        </p:cTn>
                                        <p:tgtEl>
                                          <p:spTgt spid="2"/>
                                        </p:tgtEl>
                                        <p:attrNameLst>
                                          <p:attrName>style.visibility</p:attrName>
                                        </p:attrNameLst>
                                      </p:cBhvr>
                                      <p:to>
                                        <p:strVal val="visible"/>
                                      </p:to>
                                    </p:set>
                                    <p:animEffect transition="in" filter="wipe(up)">
                                      <p:cBhvr>
                                        <p:cTn id="43"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animBg="1"/>
      <p:bldP spid="15" grpId="0"/>
      <p:bldP spid="16"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92920" y="5062306"/>
            <a:ext cx="582662" cy="539476"/>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32" name="Dikdörtgen 131"/>
          <p:cNvSpPr/>
          <p:nvPr/>
        </p:nvSpPr>
        <p:spPr>
          <a:xfrm>
            <a:off x="140558" y="361000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33" name="Dikdörtgen 132"/>
          <p:cNvSpPr/>
          <p:nvPr/>
        </p:nvSpPr>
        <p:spPr>
          <a:xfrm>
            <a:off x="135629" y="579514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27" name="Dikdörtgen 126"/>
          <p:cNvSpPr/>
          <p:nvPr/>
        </p:nvSpPr>
        <p:spPr>
          <a:xfrm>
            <a:off x="122829" y="2858304"/>
            <a:ext cx="382138"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122829" y="24558"/>
            <a:ext cx="12019073" cy="2502528"/>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lvl="0" algn="just">
              <a:defRPr/>
            </a:pPr>
            <a:r>
              <a:rPr lang="tr-TR" sz="4000" dirty="0"/>
              <a:t>Aşağıdakilerden hangisi “Allah’a niçin ibadet edilir?” sorusuna </a:t>
            </a:r>
            <a:r>
              <a:rPr lang="tr-TR" sz="4000" u="sng" dirty="0"/>
              <a:t>cevap olamaz?</a:t>
            </a:r>
            <a:endParaRPr kumimoji="0" lang="tr-TR" sz="4000" b="1" i="0" u="sng" strike="noStrike" kern="1200" cap="none" spc="0" normalizeH="0" baseline="0" noProof="0" dirty="0">
              <a:ln>
                <a:noFill/>
              </a:ln>
              <a:solidFill>
                <a:prstClr val="black"/>
              </a:solidFill>
              <a:effectLst/>
              <a:uLnTx/>
              <a:uFillTx/>
              <a:latin typeface="Calibri" panose="020F0502020204030204"/>
            </a:endParaRPr>
          </a:p>
        </p:txBody>
      </p:sp>
      <p:grpSp>
        <p:nvGrpSpPr>
          <p:cNvPr id="105" name="A"/>
          <p:cNvGrpSpPr/>
          <p:nvPr/>
        </p:nvGrpSpPr>
        <p:grpSpPr>
          <a:xfrm>
            <a:off x="495508" y="2844657"/>
            <a:ext cx="11527754" cy="543553"/>
            <a:chOff x="955343" y="3343700"/>
            <a:chExt cx="11527754" cy="682389"/>
          </a:xfrm>
          <a:effectLst/>
        </p:grpSpPr>
        <p:sp>
          <p:nvSpPr>
            <p:cNvPr id="97" name="Yuvarlatılmış Dikdörtgen 96"/>
            <p:cNvSpPr/>
            <p:nvPr/>
          </p:nvSpPr>
          <p:spPr>
            <a:xfrm>
              <a:off x="955343" y="3343700"/>
              <a:ext cx="1201003" cy="682388"/>
            </a:xfrm>
            <a:prstGeom prst="roundRect">
              <a:avLst/>
            </a:prstGeom>
            <a:solidFill>
              <a:schemeClr val="accent6"/>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6" name="Serbest Form 95"/>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200" dirty="0">
                  <a:solidFill>
                    <a:prstClr val="black"/>
                  </a:solidFill>
                </a:rPr>
                <a:t>Rızasına kavuşmak için</a:t>
              </a:r>
              <a:endParaRPr kumimoji="0" lang="tr-TR" sz="4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04" name="Dikdörtgen 103"/>
          <p:cNvSpPr/>
          <p:nvPr/>
        </p:nvSpPr>
        <p:spPr>
          <a:xfrm>
            <a:off x="382136" y="2739419"/>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A</a:t>
            </a:r>
          </a:p>
        </p:txBody>
      </p:sp>
      <p:grpSp>
        <p:nvGrpSpPr>
          <p:cNvPr id="118" name="B"/>
          <p:cNvGrpSpPr/>
          <p:nvPr/>
        </p:nvGrpSpPr>
        <p:grpSpPr>
          <a:xfrm>
            <a:off x="584239" y="5065806"/>
            <a:ext cx="11527754" cy="543553"/>
            <a:chOff x="955343" y="3343700"/>
            <a:chExt cx="11527754" cy="682389"/>
          </a:xfrm>
        </p:grpSpPr>
        <p:sp>
          <p:nvSpPr>
            <p:cNvPr id="119" name="Yuvarlatılmış Dikdörtgen 118"/>
            <p:cNvSpPr/>
            <p:nvPr/>
          </p:nvSpPr>
          <p:spPr>
            <a:xfrm>
              <a:off x="955343" y="3343700"/>
              <a:ext cx="1201003" cy="682388"/>
            </a:xfrm>
            <a:prstGeom prst="roundRect">
              <a:avLst/>
            </a:prstGeom>
            <a:solidFill>
              <a:srgbClr val="DA64B7"/>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0" name="Serbest Form 119"/>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200" dirty="0">
                  <a:solidFill>
                    <a:prstClr val="black"/>
                  </a:solidFill>
                </a:rPr>
                <a:t>Toplumda beğenilmek için</a:t>
              </a:r>
              <a:endParaRPr kumimoji="0" lang="tr-TR" sz="3200" b="0" i="0" u="none" strike="noStrike" kern="1200" cap="none" spc="0" normalizeH="0" baseline="0" noProof="0" dirty="0">
                <a:ln>
                  <a:noFill/>
                </a:ln>
                <a:solidFill>
                  <a:prstClr val="black"/>
                </a:solidFill>
                <a:effectLst/>
                <a:uLnTx/>
                <a:uFillTx/>
                <a:latin typeface="Calibri" panose="020F0502020204030204"/>
              </a:endParaRPr>
            </a:p>
          </p:txBody>
        </p:sp>
      </p:grpSp>
      <p:grpSp>
        <p:nvGrpSpPr>
          <p:cNvPr id="121" name="C"/>
          <p:cNvGrpSpPr/>
          <p:nvPr/>
        </p:nvGrpSpPr>
        <p:grpSpPr>
          <a:xfrm>
            <a:off x="513237" y="3590418"/>
            <a:ext cx="11527754" cy="543553"/>
            <a:chOff x="955343" y="3343700"/>
            <a:chExt cx="11527754" cy="682389"/>
          </a:xfrm>
        </p:grpSpPr>
        <p:sp>
          <p:nvSpPr>
            <p:cNvPr id="122" name="Yuvarlatılmış Dikdörtgen 121"/>
            <p:cNvSpPr/>
            <p:nvPr/>
          </p:nvSpPr>
          <p:spPr>
            <a:xfrm>
              <a:off x="955343" y="3343700"/>
              <a:ext cx="1201003" cy="682388"/>
            </a:xfrm>
            <a:prstGeom prst="roundRect">
              <a:avLst/>
            </a:prstGeom>
            <a:solidFill>
              <a:srgbClr val="FFC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3" name="Serbest Form 122"/>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200" dirty="0">
                  <a:solidFill>
                    <a:prstClr val="black"/>
                  </a:solidFill>
                </a:rPr>
                <a:t>Sevgisini kazanmak için</a:t>
              </a:r>
              <a:endParaRPr kumimoji="0" lang="tr-TR" sz="4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4" name="D"/>
          <p:cNvGrpSpPr/>
          <p:nvPr/>
        </p:nvGrpSpPr>
        <p:grpSpPr>
          <a:xfrm>
            <a:off x="549252" y="5785459"/>
            <a:ext cx="11518296" cy="543553"/>
            <a:chOff x="955343" y="3343700"/>
            <a:chExt cx="11518296" cy="682389"/>
          </a:xfrm>
        </p:grpSpPr>
        <p:sp>
          <p:nvSpPr>
            <p:cNvPr id="125" name="Yuvarlatılmış Dikdörtgen 124"/>
            <p:cNvSpPr/>
            <p:nvPr/>
          </p:nvSpPr>
          <p:spPr>
            <a:xfrm>
              <a:off x="955343" y="3343700"/>
              <a:ext cx="1201003" cy="682388"/>
            </a:xfrm>
            <a:prstGeom prst="roundRect">
              <a:avLst/>
            </a:prstGeom>
            <a:solidFill>
              <a:srgbClr val="FF0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6" name="Serbest Form 125"/>
            <p:cNvSpPr/>
            <p:nvPr/>
          </p:nvSpPr>
          <p:spPr>
            <a:xfrm>
              <a:off x="1201742" y="3343700"/>
              <a:ext cx="11271897"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200" dirty="0">
                  <a:solidFill>
                    <a:prstClr val="black"/>
                  </a:solidFill>
                </a:rPr>
                <a:t>Verdiği nimetlere şükretmek için</a:t>
              </a:r>
              <a:endParaRPr kumimoji="0" lang="tr-TR" sz="3200" b="0" i="0" u="none" strike="noStrike" kern="1200" cap="none" spc="0" normalizeH="0" baseline="0" noProof="0" dirty="0">
                <a:ln>
                  <a:noFill/>
                </a:ln>
                <a:solidFill>
                  <a:prstClr val="black"/>
                </a:solidFill>
                <a:effectLst/>
                <a:uLnTx/>
                <a:uFillTx/>
                <a:latin typeface="Calibri" panose="020F0502020204030204"/>
              </a:endParaRPr>
            </a:p>
          </p:txBody>
        </p:sp>
      </p:grpSp>
      <p:sp>
        <p:nvSpPr>
          <p:cNvPr id="128" name="Dikdörtgen 127"/>
          <p:cNvSpPr/>
          <p:nvPr/>
        </p:nvSpPr>
        <p:spPr>
          <a:xfrm>
            <a:off x="425301" y="4977630"/>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D</a:t>
            </a:r>
          </a:p>
        </p:txBody>
      </p:sp>
      <p:sp>
        <p:nvSpPr>
          <p:cNvPr id="129" name="Dikdörtgen 128"/>
          <p:cNvSpPr/>
          <p:nvPr/>
        </p:nvSpPr>
        <p:spPr>
          <a:xfrm>
            <a:off x="331627" y="3508251"/>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B</a:t>
            </a:r>
          </a:p>
        </p:txBody>
      </p:sp>
      <p:sp>
        <p:nvSpPr>
          <p:cNvPr id="130" name="Dikdörtgen 129"/>
          <p:cNvSpPr/>
          <p:nvPr/>
        </p:nvSpPr>
        <p:spPr>
          <a:xfrm>
            <a:off x="426950" y="5687317"/>
            <a:ext cx="66381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E</a:t>
            </a:r>
          </a:p>
        </p:txBody>
      </p:sp>
      <p:sp>
        <p:nvSpPr>
          <p:cNvPr id="30" name="Dikdörtgen 29"/>
          <p:cNvSpPr/>
          <p:nvPr/>
        </p:nvSpPr>
        <p:spPr>
          <a:xfrm>
            <a:off x="122829" y="434559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grpSp>
        <p:nvGrpSpPr>
          <p:cNvPr id="31" name="D"/>
          <p:cNvGrpSpPr/>
          <p:nvPr/>
        </p:nvGrpSpPr>
        <p:grpSpPr>
          <a:xfrm>
            <a:off x="536452" y="4335909"/>
            <a:ext cx="11518296" cy="543555"/>
            <a:chOff x="955343" y="3343697"/>
            <a:chExt cx="11518296" cy="682391"/>
          </a:xfrm>
        </p:grpSpPr>
        <p:sp>
          <p:nvSpPr>
            <p:cNvPr id="32" name="Yuvarlatılmış Dikdörtgen 31"/>
            <p:cNvSpPr/>
            <p:nvPr/>
          </p:nvSpPr>
          <p:spPr>
            <a:xfrm>
              <a:off x="955343" y="3343700"/>
              <a:ext cx="1201003" cy="682388"/>
            </a:xfrm>
            <a:prstGeom prst="roundRect">
              <a:avLst/>
            </a:prstGeom>
            <a:solidFill>
              <a:srgbClr val="38ACBB"/>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33" name="Serbest Form 32"/>
            <p:cNvSpPr/>
            <p:nvPr/>
          </p:nvSpPr>
          <p:spPr>
            <a:xfrm>
              <a:off x="1228299" y="3343697"/>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kumimoji="0" lang="tr-TR" sz="3200" b="0" i="0" u="none" strike="noStrike" kern="1200" cap="none" spc="0" normalizeH="0" baseline="0" noProof="0" dirty="0">
                  <a:ln>
                    <a:noFill/>
                  </a:ln>
                  <a:solidFill>
                    <a:prstClr val="black"/>
                  </a:solidFill>
                  <a:effectLst/>
                  <a:uLnTx/>
                  <a:uFillTx/>
                  <a:latin typeface="Calibri" panose="020F0502020204030204"/>
                </a:rPr>
                <a:t>Allah’ın </a:t>
              </a:r>
              <a:r>
                <a:rPr lang="tr-TR" sz="3200" noProof="0" dirty="0">
                  <a:solidFill>
                    <a:prstClr val="black"/>
                  </a:solidFill>
                </a:rPr>
                <a:t>e</a:t>
              </a:r>
              <a:r>
                <a:rPr lang="tr-TR" sz="3200" dirty="0" err="1">
                  <a:solidFill>
                    <a:prstClr val="black"/>
                  </a:solidFill>
                </a:rPr>
                <a:t>mrine</a:t>
              </a:r>
              <a:r>
                <a:rPr lang="tr-TR" sz="3200" dirty="0">
                  <a:solidFill>
                    <a:prstClr val="black"/>
                  </a:solidFill>
                </a:rPr>
                <a:t> itaat için</a:t>
              </a:r>
              <a:endParaRPr kumimoji="0" lang="tr-TR" sz="3200" b="0" i="0" u="none" strike="noStrike" kern="1200" cap="none" spc="0" normalizeH="0" baseline="0" noProof="0" dirty="0">
                <a:ln>
                  <a:noFill/>
                </a:ln>
                <a:solidFill>
                  <a:prstClr val="black"/>
                </a:solidFill>
                <a:effectLst/>
                <a:uLnTx/>
                <a:uFillTx/>
                <a:latin typeface="Calibri" panose="020F0502020204030204"/>
              </a:endParaRPr>
            </a:p>
          </p:txBody>
        </p:sp>
      </p:grpSp>
      <p:sp>
        <p:nvSpPr>
          <p:cNvPr id="34" name="Dikdörtgen 33"/>
          <p:cNvSpPr/>
          <p:nvPr/>
        </p:nvSpPr>
        <p:spPr>
          <a:xfrm>
            <a:off x="413621" y="4253742"/>
            <a:ext cx="627797"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C</a:t>
            </a:r>
          </a:p>
        </p:txBody>
      </p:sp>
      <p:sp>
        <p:nvSpPr>
          <p:cNvPr id="29" name="Yuvarlatılmış Dikdörtgen 28"/>
          <p:cNvSpPr/>
          <p:nvPr/>
        </p:nvSpPr>
        <p:spPr>
          <a:xfrm>
            <a:off x="8903796" y="2000704"/>
            <a:ext cx="3163752" cy="495233"/>
          </a:xfrm>
          <a:prstGeom prst="roundRect">
            <a:avLst/>
          </a:prstGeom>
          <a:solidFill>
            <a:srgbClr val="C00000"/>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rPr>
              <a:t>MEB Kazanım Testleri</a:t>
            </a:r>
          </a:p>
        </p:txBody>
      </p:sp>
      <p:sp>
        <p:nvSpPr>
          <p:cNvPr id="36" name="Komut Düğmesi: Geri veya Önceki 35">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7" name="Komut Düğmesi: İleri veya Sonraki 36">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8" name="Komut Düğmesi: Giriş 37">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193034812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05"/>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27"/>
                                        </p:tgtEl>
                                        <p:attrNameLst>
                                          <p:attrName>style.visibility</p:attrName>
                                        </p:attrNameLst>
                                      </p:cBhvr>
                                      <p:to>
                                        <p:strVal val="visible"/>
                                      </p:to>
                                    </p:set>
                                    <p:animEffect transition="in" filter="fade">
                                      <p:cBhvr>
                                        <p:cTn id="7" dur="1500"/>
                                        <p:tgtEl>
                                          <p:spTgt spid="127"/>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05"/>
                  </p:tgtEl>
                </p:cond>
              </p:nextCondLst>
            </p:seq>
            <p:seq concurrent="1" nextAc="seek">
              <p:cTn id="8" restart="whenNotActive" fill="hold" evtFilter="cancelBubble" nodeType="interactiveSeq">
                <p:stCondLst>
                  <p:cond evt="onClick" delay="0">
                    <p:tgtEl>
                      <p:spTgt spid="11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1"/>
                                        </p:tgtEl>
                                        <p:attrNameLst>
                                          <p:attrName>style.visibility</p:attrName>
                                        </p:attrNameLst>
                                      </p:cBhvr>
                                      <p:to>
                                        <p:strVal val="visible"/>
                                      </p:to>
                                    </p:set>
                                    <p:animEffect transition="in" filter="fade">
                                      <p:cBhvr>
                                        <p:cTn id="13" dur="1500"/>
                                        <p:tgtEl>
                                          <p:spTgt spid="131"/>
                                        </p:tgtEl>
                                      </p:cBhvr>
                                    </p:animEffect>
                                  </p:childTnLst>
                                  <p:subTnLst>
                                    <p:audio>
                                      <p:cMediaNode>
                                        <p:cTn display="0" masterRel="sameClick">
                                          <p:stCondLst>
                                            <p:cond evt="begin" delay="0">
                                              <p:tn val="11"/>
                                            </p:cond>
                                          </p:stCondLst>
                                          <p:endCondLst>
                                            <p:cond evt="onStopAudio" delay="0">
                                              <p:tgtEl>
                                                <p:sldTgt/>
                                              </p:tgtEl>
                                            </p:cond>
                                          </p:endCondLst>
                                        </p:cTn>
                                        <p:tgtEl>
                                          <p:sndTgt r:embed="rId5" name="CorrectAnswerSFX.wav"/>
                                        </p:tgtEl>
                                      </p:cMediaNode>
                                    </p:audio>
                                  </p:subTnLst>
                                </p:cTn>
                              </p:par>
                            </p:childTnLst>
                          </p:cTn>
                        </p:par>
                      </p:childTnLst>
                    </p:cTn>
                  </p:par>
                </p:childTnLst>
              </p:cTn>
              <p:nextCondLst>
                <p:cond evt="onClick" delay="0">
                  <p:tgtEl>
                    <p:spTgt spid="118"/>
                  </p:tgtEl>
                </p:cond>
              </p:nextCondLst>
            </p:seq>
            <p:seq concurrent="1" nextAc="seek">
              <p:cTn id="14" restart="whenNotActive" fill="hold" evtFilter="cancelBubble" nodeType="interactiveSeq">
                <p:stCondLst>
                  <p:cond evt="onClick" delay="0">
                    <p:tgtEl>
                      <p:spTgt spid="12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132"/>
                                        </p:tgtEl>
                                        <p:attrNameLst>
                                          <p:attrName>style.visibility</p:attrName>
                                        </p:attrNameLst>
                                      </p:cBhvr>
                                      <p:to>
                                        <p:strVal val="visible"/>
                                      </p:to>
                                    </p:set>
                                    <p:animEffect transition="in" filter="fade">
                                      <p:cBhvr>
                                        <p:cTn id="19" dur="1500"/>
                                        <p:tgtEl>
                                          <p:spTgt spid="132"/>
                                        </p:tgtEl>
                                      </p:cBhvr>
                                    </p:animEffect>
                                  </p:childTnLst>
                                  <p:subTnLst>
                                    <p:audio>
                                      <p:cMediaNode>
                                        <p:cTn display="0" masterRel="sameClick">
                                          <p:stCondLst>
                                            <p:cond evt="begin" delay="0">
                                              <p:tn val="17"/>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1"/>
                  </p:tgtEl>
                </p:cond>
              </p:nextCondLst>
            </p:seq>
            <p:seq concurrent="1" nextAc="seek">
              <p:cTn id="20" restart="whenNotActive" fill="hold" evtFilter="cancelBubble" nodeType="interactiveSeq">
                <p:stCondLst>
                  <p:cond evt="onClick" delay="0">
                    <p:tgtEl>
                      <p:spTgt spid="12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33"/>
                                        </p:tgtEl>
                                        <p:attrNameLst>
                                          <p:attrName>style.visibility</p:attrName>
                                        </p:attrNameLst>
                                      </p:cBhvr>
                                      <p:to>
                                        <p:strVal val="visible"/>
                                      </p:to>
                                    </p:set>
                                    <p:animEffect transition="in" filter="fade">
                                      <p:cBhvr>
                                        <p:cTn id="25" dur="1500"/>
                                        <p:tgtEl>
                                          <p:spTgt spid="133"/>
                                        </p:tgtEl>
                                      </p:cBhvr>
                                    </p:animEffect>
                                  </p:childTnLst>
                                  <p:subTnLst>
                                    <p:audio>
                                      <p:cMediaNode>
                                        <p:cTn display="0" masterRel="sameClick">
                                          <p:stCondLst>
                                            <p:cond evt="begin" delay="0">
                                              <p:tn val="2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4"/>
                  </p:tgtEl>
                </p:cond>
              </p:nextCondLst>
            </p:seq>
            <p:seq concurrent="1" nextAc="seek">
              <p:cTn id="26" restart="whenNotActive" fill="hold" evtFilter="cancelBubble" nodeType="interactiveSeq">
                <p:stCondLst>
                  <p:cond evt="onClick" delay="0">
                    <p:tgtEl>
                      <p:spTgt spid="31"/>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30"/>
                                        </p:tgtEl>
                                        <p:attrNameLst>
                                          <p:attrName>style.visibility</p:attrName>
                                        </p:attrNameLst>
                                      </p:cBhvr>
                                      <p:to>
                                        <p:strVal val="visible"/>
                                      </p:to>
                                    </p:set>
                                    <p:animEffect transition="in" filter="fade">
                                      <p:cBhvr>
                                        <p:cTn id="31" dur="1500"/>
                                        <p:tgtEl>
                                          <p:spTgt spid="30"/>
                                        </p:tgtEl>
                                      </p:cBhvr>
                                    </p:animEffect>
                                  </p:childTnLst>
                                  <p:subTnLst>
                                    <p:audio>
                                      <p:cMediaNode>
                                        <p:cTn display="0" masterRel="sameClick">
                                          <p:stCondLst>
                                            <p:cond evt="begin" delay="0">
                                              <p:tn val="2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31"/>
                  </p:tgtEl>
                </p:cond>
              </p:nextCondLst>
            </p:seq>
          </p:childTnLst>
        </p:cTn>
      </p:par>
    </p:tnLst>
    <p:bldLst>
      <p:bldP spid="131" grpId="0" animBg="1"/>
      <p:bldP spid="132" grpId="0" animBg="1"/>
      <p:bldP spid="133" grpId="0" animBg="1"/>
      <p:bldP spid="127" grpId="0" animBg="1"/>
      <p:bldP spid="30"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rbest Form 1"/>
          <p:cNvSpPr/>
          <p:nvPr/>
        </p:nvSpPr>
        <p:spPr>
          <a:xfrm>
            <a:off x="751840" y="299720"/>
            <a:ext cx="8514080" cy="955040"/>
          </a:xfrm>
          <a:custGeom>
            <a:avLst/>
            <a:gdLst>
              <a:gd name="connsiteX0" fmla="*/ 0 w 6604000"/>
              <a:gd name="connsiteY0" fmla="*/ 0 h 955040"/>
              <a:gd name="connsiteX1" fmla="*/ 5262880 w 6604000"/>
              <a:gd name="connsiteY1" fmla="*/ 0 h 955040"/>
              <a:gd name="connsiteX2" fmla="*/ 6604000 w 6604000"/>
              <a:gd name="connsiteY2" fmla="*/ 477520 h 955040"/>
              <a:gd name="connsiteX3" fmla="*/ 5262880 w 6604000"/>
              <a:gd name="connsiteY3" fmla="*/ 955040 h 955040"/>
              <a:gd name="connsiteX4" fmla="*/ 0 w 6604000"/>
              <a:gd name="connsiteY4" fmla="*/ 955040 h 95504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604000" h="955040">
                <a:moveTo>
                  <a:pt x="0" y="0"/>
                </a:moveTo>
                <a:lnTo>
                  <a:pt x="5262880" y="0"/>
                </a:lnTo>
                <a:lnTo>
                  <a:pt x="6604000" y="477520"/>
                </a:lnTo>
                <a:lnTo>
                  <a:pt x="5262880" y="955040"/>
                </a:lnTo>
                <a:lnTo>
                  <a:pt x="0" y="955040"/>
                </a:lnTo>
                <a:close/>
              </a:path>
            </a:pathLst>
          </a:custGeom>
          <a:solidFill>
            <a:schemeClr val="accent1">
              <a:lumMod val="40000"/>
              <a:lumOff val="60000"/>
            </a:schemeClr>
          </a:solidFill>
          <a:ln w="571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1"/>
            <a:r>
              <a:rPr lang="tr-TR" sz="3600" dirty="0">
                <a:solidFill>
                  <a:schemeClr val="tx1"/>
                </a:solidFill>
              </a:rPr>
              <a:t> Allah İle İletişim Kurma Yolları: </a:t>
            </a:r>
            <a:r>
              <a:rPr lang="tr-TR" sz="3600" b="1" dirty="0">
                <a:solidFill>
                  <a:schemeClr val="tx1"/>
                </a:solidFill>
              </a:rPr>
              <a:t>Tövbe </a:t>
            </a:r>
          </a:p>
        </p:txBody>
      </p:sp>
      <p:sp>
        <p:nvSpPr>
          <p:cNvPr id="3" name="Oval 2"/>
          <p:cNvSpPr/>
          <p:nvPr/>
        </p:nvSpPr>
        <p:spPr>
          <a:xfrm>
            <a:off x="243840" y="248920"/>
            <a:ext cx="1016000" cy="1005840"/>
          </a:xfrm>
          <a:prstGeom prst="ellipse">
            <a:avLst/>
          </a:prstGeom>
          <a:solidFill>
            <a:schemeClr val="accent4">
              <a:lumMod val="40000"/>
              <a:lumOff val="60000"/>
            </a:schemeClr>
          </a:solidFill>
          <a:ln w="571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800" dirty="0">
                <a:solidFill>
                  <a:schemeClr val="tx1"/>
                </a:solidFill>
              </a:rPr>
              <a:t>3</a:t>
            </a:r>
          </a:p>
        </p:txBody>
      </p:sp>
      <p:sp>
        <p:nvSpPr>
          <p:cNvPr id="5" name="Dikdörtgen 4"/>
          <p:cNvSpPr/>
          <p:nvPr/>
        </p:nvSpPr>
        <p:spPr>
          <a:xfrm>
            <a:off x="468694" y="1927249"/>
            <a:ext cx="6486742" cy="2263514"/>
          </a:xfrm>
          <a:prstGeom prst="rect">
            <a:avLst/>
          </a:prstGeom>
          <a:solidFill>
            <a:schemeClr val="accent4">
              <a:lumMod val="40000"/>
              <a:lumOff val="60000"/>
            </a:schemeClr>
          </a:solidFill>
          <a:ln>
            <a:solidFill>
              <a:schemeClr val="bg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tr-TR" sz="3200" dirty="0">
                <a:solidFill>
                  <a:schemeClr val="tx1"/>
                </a:solidFill>
              </a:rPr>
              <a:t>Her insan hata eder. Hata edenlerin en hayırlısı tövbe edenlerdir.</a:t>
            </a:r>
          </a:p>
          <a:p>
            <a:pPr algn="r"/>
            <a:r>
              <a:rPr lang="tr-TR" sz="3200" dirty="0">
                <a:solidFill>
                  <a:schemeClr val="tx1"/>
                </a:solidFill>
              </a:rPr>
              <a:t>Hz. Muhammed (sav)</a:t>
            </a:r>
          </a:p>
        </p:txBody>
      </p:sp>
      <p:pic>
        <p:nvPicPr>
          <p:cNvPr id="1026" name="Picture 2" descr="Düşünelim :: Eda Üçkarışoğlu"/>
          <p:cNvPicPr>
            <a:picLocks noChangeAspect="1" noChangeArrowheads="1"/>
          </p:cNvPicPr>
          <p:nvPr/>
        </p:nvPicPr>
        <p:blipFill rotWithShape="1">
          <a:blip r:embed="rId4">
            <a:extLst>
              <a:ext uri="{BEBA8EAE-BF5A-486C-A8C5-ECC9F3942E4B}">
                <a14:imgProps xmlns:a14="http://schemas.microsoft.com/office/drawing/2010/main">
                  <a14:imgLayer r:embed="rId5">
                    <a14:imgEffect>
                      <a14:backgroundRemoval t="0" b="100000" l="4444" r="97778"/>
                    </a14:imgEffect>
                  </a14:imgLayer>
                </a14:imgProps>
              </a:ext>
              <a:ext uri="{28A0092B-C50C-407E-A947-70E740481C1C}">
                <a14:useLocalDpi xmlns:a14="http://schemas.microsoft.com/office/drawing/2010/main" val="0"/>
              </a:ext>
            </a:extLst>
          </a:blip>
          <a:srcRect l="17926" r="23142" b="8863"/>
          <a:stretch/>
        </p:blipFill>
        <p:spPr bwMode="auto">
          <a:xfrm>
            <a:off x="8109680" y="915816"/>
            <a:ext cx="3702570" cy="5700482"/>
          </a:xfrm>
          <a:prstGeom prst="rect">
            <a:avLst/>
          </a:prstGeom>
          <a:noFill/>
          <a:extLst>
            <a:ext uri="{909E8E84-426E-40DD-AFC4-6F175D3DCCD1}">
              <a14:hiddenFill xmlns:a14="http://schemas.microsoft.com/office/drawing/2010/main">
                <a:solidFill>
                  <a:srgbClr val="FFFFFF"/>
                </a:solidFill>
              </a14:hiddenFill>
            </a:ext>
          </a:extLst>
        </p:spPr>
      </p:pic>
      <p:sp>
        <p:nvSpPr>
          <p:cNvPr id="7" name="Dikdörtgen 6"/>
          <p:cNvSpPr/>
          <p:nvPr/>
        </p:nvSpPr>
        <p:spPr>
          <a:xfrm>
            <a:off x="346774" y="5351488"/>
            <a:ext cx="6608662" cy="1004341"/>
          </a:xfrm>
          <a:prstGeom prst="rect">
            <a:avLst/>
          </a:prstGeom>
          <a:solidFill>
            <a:schemeClr val="accent5">
              <a:lumMod val="40000"/>
              <a:lumOff val="60000"/>
            </a:schemeClr>
          </a:solidFill>
          <a:ln>
            <a:solidFill>
              <a:schemeClr val="bg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2800" dirty="0">
                <a:solidFill>
                  <a:schemeClr val="tx1"/>
                </a:solidFill>
              </a:rPr>
              <a:t>Hadisin vermek istediği temel mesaj nedir?</a:t>
            </a:r>
          </a:p>
        </p:txBody>
      </p:sp>
      <p:sp>
        <p:nvSpPr>
          <p:cNvPr id="8" name="Sağ Ok 7"/>
          <p:cNvSpPr/>
          <p:nvPr/>
        </p:nvSpPr>
        <p:spPr>
          <a:xfrm rot="16200000">
            <a:off x="3161901" y="4528809"/>
            <a:ext cx="978408" cy="484632"/>
          </a:xfrm>
          <a:prstGeom prst="rightArrow">
            <a:avLst/>
          </a:prstGeom>
          <a:solidFill>
            <a:schemeClr val="accent2">
              <a:lumMod val="60000"/>
              <a:lumOff val="40000"/>
            </a:schemeClr>
          </a:solidFill>
          <a:ln>
            <a:solidFill>
              <a:schemeClr val="bg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a:p>
        </p:txBody>
      </p:sp>
    </p:spTree>
    <p:custDataLst>
      <p:tags r:id="rId1"/>
    </p:custDataLst>
    <p:extLst>
      <p:ext uri="{BB962C8B-B14F-4D97-AF65-F5344CB8AC3E}">
        <p14:creationId xmlns:p14="http://schemas.microsoft.com/office/powerpoint/2010/main" val="15995419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left)">
                                      <p:cBhvr>
                                        <p:cTn id="7" dur="500"/>
                                        <p:tgtEl>
                                          <p:spTgt spid="5"/>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1026"/>
                                        </p:tgtEl>
                                        <p:attrNameLst>
                                          <p:attrName>style.visibility</p:attrName>
                                        </p:attrNameLst>
                                      </p:cBhvr>
                                      <p:to>
                                        <p:strVal val="visible"/>
                                      </p:to>
                                    </p:set>
                                    <p:animEffect transition="in" filter="wipe(down)">
                                      <p:cBhvr>
                                        <p:cTn id="11" dur="500"/>
                                        <p:tgtEl>
                                          <p:spTgt spid="1026"/>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4" fill="hold" grpId="0" nodeType="clickEffect">
                                  <p:stCondLst>
                                    <p:cond delay="0"/>
                                  </p:stCondLst>
                                  <p:childTnLst>
                                    <p:set>
                                      <p:cBhvr>
                                        <p:cTn id="15" dur="1" fill="hold">
                                          <p:stCondLst>
                                            <p:cond delay="0"/>
                                          </p:stCondLst>
                                        </p:cTn>
                                        <p:tgtEl>
                                          <p:spTgt spid="8"/>
                                        </p:tgtEl>
                                        <p:attrNameLst>
                                          <p:attrName>style.visibility</p:attrName>
                                        </p:attrNameLst>
                                      </p:cBhvr>
                                      <p:to>
                                        <p:strVal val="visible"/>
                                      </p:to>
                                    </p:set>
                                    <p:animEffect transition="in" filter="wipe(down)">
                                      <p:cBhvr>
                                        <p:cTn id="16" dur="500"/>
                                        <p:tgtEl>
                                          <p:spTgt spid="8"/>
                                        </p:tgtEl>
                                      </p:cBhvr>
                                    </p:animEffect>
                                  </p:childTnLst>
                                </p:cTn>
                              </p:par>
                            </p:childTnLst>
                          </p:cTn>
                        </p:par>
                        <p:par>
                          <p:cTn id="17" fill="hold">
                            <p:stCondLst>
                              <p:cond delay="500"/>
                            </p:stCondLst>
                            <p:childTnLst>
                              <p:par>
                                <p:cTn id="18" presetID="22" presetClass="entr" presetSubtype="8" fill="hold" grpId="0" nodeType="afterEffect">
                                  <p:stCondLst>
                                    <p:cond delay="0"/>
                                  </p:stCondLst>
                                  <p:childTnLst>
                                    <p:set>
                                      <p:cBhvr>
                                        <p:cTn id="19" dur="1" fill="hold">
                                          <p:stCondLst>
                                            <p:cond delay="0"/>
                                          </p:stCondLst>
                                        </p:cTn>
                                        <p:tgtEl>
                                          <p:spTgt spid="7"/>
                                        </p:tgtEl>
                                        <p:attrNameLst>
                                          <p:attrName>style.visibility</p:attrName>
                                        </p:attrNameLst>
                                      </p:cBhvr>
                                      <p:to>
                                        <p:strVal val="visible"/>
                                      </p:to>
                                    </p:set>
                                    <p:animEffect transition="in" filter="wipe(left)">
                                      <p:cBhvr>
                                        <p:cTn id="20"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7" grpId="0" animBg="1"/>
      <p:bldP spid="8"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2" name="Grup 41"/>
          <p:cNvGrpSpPr/>
          <p:nvPr/>
        </p:nvGrpSpPr>
        <p:grpSpPr>
          <a:xfrm>
            <a:off x="410683" y="398213"/>
            <a:ext cx="5685562" cy="4030454"/>
            <a:chOff x="410683" y="398213"/>
            <a:chExt cx="5685562" cy="4030454"/>
          </a:xfrm>
        </p:grpSpPr>
        <p:sp>
          <p:nvSpPr>
            <p:cNvPr id="10" name="직사각형 1">
              <a:extLst>
                <a:ext uri="{FF2B5EF4-FFF2-40B4-BE49-F238E27FC236}">
                  <a16:creationId xmlns:a16="http://schemas.microsoft.com/office/drawing/2014/main" id="{80A7AD12-AE15-4DFF-9B19-2749C7C62D5C}"/>
                </a:ext>
              </a:extLst>
            </p:cNvPr>
            <p:cNvSpPr/>
            <p:nvPr/>
          </p:nvSpPr>
          <p:spPr>
            <a:xfrm>
              <a:off x="410683" y="592904"/>
              <a:ext cx="5685562" cy="3835763"/>
            </a:xfrm>
            <a:prstGeom prst="rect">
              <a:avLst/>
            </a:prstGeom>
            <a:solidFill>
              <a:schemeClr val="bg1">
                <a:lumMod val="95000"/>
              </a:schemeClr>
            </a:solidFill>
            <a:ln w="50800">
              <a:solidFill>
                <a:srgbClr val="EFC95F"/>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just"/>
              <a:endParaRPr lang="ko-KR" altLang="en-US" sz="2400" dirty="0">
                <a:solidFill>
                  <a:schemeClr val="tx1"/>
                </a:solidFill>
              </a:endParaRPr>
            </a:p>
          </p:txBody>
        </p:sp>
        <p:grpSp>
          <p:nvGrpSpPr>
            <p:cNvPr id="11" name="그룹 4">
              <a:extLst>
                <a:ext uri="{FF2B5EF4-FFF2-40B4-BE49-F238E27FC236}">
                  <a16:creationId xmlns:a16="http://schemas.microsoft.com/office/drawing/2014/main" id="{6A0B1079-1AFB-4D26-8B0B-FE3B95A7E0F8}"/>
                </a:ext>
              </a:extLst>
            </p:cNvPr>
            <p:cNvGrpSpPr/>
            <p:nvPr/>
          </p:nvGrpSpPr>
          <p:grpSpPr>
            <a:xfrm>
              <a:off x="1460009" y="398213"/>
              <a:ext cx="3038368" cy="1083989"/>
              <a:chOff x="1239038" y="1657410"/>
              <a:chExt cx="772355" cy="1083989"/>
            </a:xfrm>
            <a:solidFill>
              <a:srgbClr val="EFC95F"/>
            </a:solidFill>
          </p:grpSpPr>
          <p:sp>
            <p:nvSpPr>
              <p:cNvPr id="12" name="화살표: 오각형 2">
                <a:extLst>
                  <a:ext uri="{FF2B5EF4-FFF2-40B4-BE49-F238E27FC236}">
                    <a16:creationId xmlns:a16="http://schemas.microsoft.com/office/drawing/2014/main" id="{0D467C39-170B-4280-B552-E57E8B1FD71E}"/>
                  </a:ext>
                </a:extLst>
              </p:cNvPr>
              <p:cNvSpPr/>
              <p:nvPr/>
            </p:nvSpPr>
            <p:spPr>
              <a:xfrm rot="5400000">
                <a:off x="1124325" y="1854331"/>
                <a:ext cx="1083989" cy="690147"/>
              </a:xfrm>
              <a:prstGeom prst="homePlate">
                <a:avLst>
                  <a:gd name="adj" fmla="val 35905"/>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sp>
            <p:nvSpPr>
              <p:cNvPr id="13" name="직각 삼각형 3">
                <a:extLst>
                  <a:ext uri="{FF2B5EF4-FFF2-40B4-BE49-F238E27FC236}">
                    <a16:creationId xmlns:a16="http://schemas.microsoft.com/office/drawing/2014/main" id="{B3255096-BFE1-4EA7-AC93-84570EA10CFF}"/>
                  </a:ext>
                </a:extLst>
              </p:cNvPr>
              <p:cNvSpPr/>
              <p:nvPr/>
            </p:nvSpPr>
            <p:spPr>
              <a:xfrm flipH="1">
                <a:off x="1239038" y="1657410"/>
                <a:ext cx="82210" cy="194691"/>
              </a:xfrm>
              <a:prstGeom prst="rtTriangl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a:solidFill>
                    <a:schemeClr val="tx1"/>
                  </a:solidFill>
                </a:endParaRPr>
              </a:p>
            </p:txBody>
          </p:sp>
        </p:grpSp>
        <p:sp>
          <p:nvSpPr>
            <p:cNvPr id="14" name="직각 삼각형 53">
              <a:extLst>
                <a:ext uri="{FF2B5EF4-FFF2-40B4-BE49-F238E27FC236}">
                  <a16:creationId xmlns:a16="http://schemas.microsoft.com/office/drawing/2014/main" id="{C4B5979B-2C68-4ED3-933B-E1167B70F1D8}"/>
                </a:ext>
              </a:extLst>
            </p:cNvPr>
            <p:cNvSpPr/>
            <p:nvPr/>
          </p:nvSpPr>
          <p:spPr>
            <a:xfrm flipH="1">
              <a:off x="1459999" y="398213"/>
              <a:ext cx="323403" cy="194691"/>
            </a:xfrm>
            <a:prstGeom prst="rtTriangle">
              <a:avLst/>
            </a:prstGeom>
            <a:solidFill>
              <a:schemeClr val="tx1">
                <a:alpha val="34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a:solidFill>
                  <a:schemeClr val="tx1"/>
                </a:solidFill>
              </a:endParaRPr>
            </a:p>
          </p:txBody>
        </p:sp>
        <p:sp>
          <p:nvSpPr>
            <p:cNvPr id="27" name="Metin kutusu 26"/>
            <p:cNvSpPr txBox="1"/>
            <p:nvPr/>
          </p:nvSpPr>
          <p:spPr>
            <a:xfrm>
              <a:off x="2346209" y="564752"/>
              <a:ext cx="1514006" cy="584775"/>
            </a:xfrm>
            <a:prstGeom prst="rect">
              <a:avLst/>
            </a:prstGeom>
            <a:noFill/>
          </p:spPr>
          <p:txBody>
            <a:bodyPr wrap="square" rtlCol="0">
              <a:spAutoFit/>
            </a:bodyPr>
            <a:lstStyle/>
            <a:p>
              <a:pPr algn="ctr"/>
              <a:r>
                <a:rPr lang="tr-TR" sz="3200" dirty="0"/>
                <a:t>TÖVBE</a:t>
              </a:r>
            </a:p>
          </p:txBody>
        </p:sp>
      </p:grpSp>
      <p:grpSp>
        <p:nvGrpSpPr>
          <p:cNvPr id="43" name="Grup 42"/>
          <p:cNvGrpSpPr/>
          <p:nvPr/>
        </p:nvGrpSpPr>
        <p:grpSpPr>
          <a:xfrm>
            <a:off x="6955436" y="368233"/>
            <a:ext cx="5042921" cy="4022974"/>
            <a:chOff x="6955436" y="368233"/>
            <a:chExt cx="5042921" cy="4022974"/>
          </a:xfrm>
        </p:grpSpPr>
        <p:sp>
          <p:nvSpPr>
            <p:cNvPr id="28" name="직사각형 1">
              <a:extLst>
                <a:ext uri="{FF2B5EF4-FFF2-40B4-BE49-F238E27FC236}">
                  <a16:creationId xmlns:a16="http://schemas.microsoft.com/office/drawing/2014/main" id="{80A7AD12-AE15-4DFF-9B19-2749C7C62D5C}"/>
                </a:ext>
              </a:extLst>
            </p:cNvPr>
            <p:cNvSpPr/>
            <p:nvPr/>
          </p:nvSpPr>
          <p:spPr>
            <a:xfrm>
              <a:off x="6955436" y="564753"/>
              <a:ext cx="5042921" cy="3826454"/>
            </a:xfrm>
            <a:prstGeom prst="rect">
              <a:avLst/>
            </a:prstGeom>
            <a:solidFill>
              <a:schemeClr val="bg1">
                <a:lumMod val="95000"/>
              </a:schemeClr>
            </a:solidFill>
            <a:ln w="50800">
              <a:solidFill>
                <a:srgbClr val="67DCD9"/>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just"/>
              <a:endParaRPr lang="ko-KR" altLang="en-US" sz="2400" dirty="0">
                <a:solidFill>
                  <a:schemeClr val="tx1"/>
                </a:solidFill>
              </a:endParaRPr>
            </a:p>
          </p:txBody>
        </p:sp>
        <p:grpSp>
          <p:nvGrpSpPr>
            <p:cNvPr id="29" name="그룹 4">
              <a:extLst>
                <a:ext uri="{FF2B5EF4-FFF2-40B4-BE49-F238E27FC236}">
                  <a16:creationId xmlns:a16="http://schemas.microsoft.com/office/drawing/2014/main" id="{6A0B1079-1AFB-4D26-8B0B-FE3B95A7E0F8}"/>
                </a:ext>
              </a:extLst>
            </p:cNvPr>
            <p:cNvGrpSpPr/>
            <p:nvPr/>
          </p:nvGrpSpPr>
          <p:grpSpPr>
            <a:xfrm>
              <a:off x="8075246" y="368233"/>
              <a:ext cx="3038376" cy="1083989"/>
              <a:chOff x="1239038" y="1657410"/>
              <a:chExt cx="772358" cy="1083989"/>
            </a:xfrm>
            <a:solidFill>
              <a:srgbClr val="67DCD9"/>
            </a:solidFill>
          </p:grpSpPr>
          <p:sp>
            <p:nvSpPr>
              <p:cNvPr id="30" name="화살표: 오각형 2">
                <a:extLst>
                  <a:ext uri="{FF2B5EF4-FFF2-40B4-BE49-F238E27FC236}">
                    <a16:creationId xmlns:a16="http://schemas.microsoft.com/office/drawing/2014/main" id="{0D467C39-170B-4280-B552-E57E8B1FD71E}"/>
                  </a:ext>
                </a:extLst>
              </p:cNvPr>
              <p:cNvSpPr/>
              <p:nvPr/>
            </p:nvSpPr>
            <p:spPr>
              <a:xfrm rot="5400000">
                <a:off x="1124327" y="1854331"/>
                <a:ext cx="1083989" cy="690148"/>
              </a:xfrm>
              <a:prstGeom prst="homePlate">
                <a:avLst>
                  <a:gd name="adj" fmla="val 35905"/>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dirty="0">
                  <a:solidFill>
                    <a:schemeClr val="tx1"/>
                  </a:solidFill>
                </a:endParaRPr>
              </a:p>
            </p:txBody>
          </p:sp>
          <p:sp>
            <p:nvSpPr>
              <p:cNvPr id="31" name="직각 삼각형 3">
                <a:extLst>
                  <a:ext uri="{FF2B5EF4-FFF2-40B4-BE49-F238E27FC236}">
                    <a16:creationId xmlns:a16="http://schemas.microsoft.com/office/drawing/2014/main" id="{B3255096-BFE1-4EA7-AC93-84570EA10CFF}"/>
                  </a:ext>
                </a:extLst>
              </p:cNvPr>
              <p:cNvSpPr/>
              <p:nvPr/>
            </p:nvSpPr>
            <p:spPr>
              <a:xfrm flipH="1">
                <a:off x="1239038" y="1657410"/>
                <a:ext cx="82210" cy="194691"/>
              </a:xfrm>
              <a:prstGeom prst="rtTriangl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a:solidFill>
                    <a:schemeClr val="tx1"/>
                  </a:solidFill>
                </a:endParaRPr>
              </a:p>
            </p:txBody>
          </p:sp>
        </p:grpSp>
        <p:sp>
          <p:nvSpPr>
            <p:cNvPr id="33" name="직각 삼각형 53">
              <a:extLst>
                <a:ext uri="{FF2B5EF4-FFF2-40B4-BE49-F238E27FC236}">
                  <a16:creationId xmlns:a16="http://schemas.microsoft.com/office/drawing/2014/main" id="{C4B5979B-2C68-4ED3-933B-E1167B70F1D8}"/>
                </a:ext>
              </a:extLst>
            </p:cNvPr>
            <p:cNvSpPr/>
            <p:nvPr/>
          </p:nvSpPr>
          <p:spPr>
            <a:xfrm flipH="1">
              <a:off x="8075246" y="368233"/>
              <a:ext cx="323403" cy="194691"/>
            </a:xfrm>
            <a:prstGeom prst="rtTriangle">
              <a:avLst/>
            </a:prstGeom>
            <a:solidFill>
              <a:schemeClr val="tx1">
                <a:alpha val="34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a:solidFill>
                  <a:schemeClr val="tx1"/>
                </a:solidFill>
              </a:endParaRPr>
            </a:p>
          </p:txBody>
        </p:sp>
        <p:sp>
          <p:nvSpPr>
            <p:cNvPr id="34" name="Metin kutusu 33"/>
            <p:cNvSpPr txBox="1"/>
            <p:nvPr/>
          </p:nvSpPr>
          <p:spPr>
            <a:xfrm>
              <a:off x="8981850" y="610801"/>
              <a:ext cx="1815632" cy="584775"/>
            </a:xfrm>
            <a:prstGeom prst="rect">
              <a:avLst/>
            </a:prstGeom>
            <a:noFill/>
          </p:spPr>
          <p:txBody>
            <a:bodyPr wrap="square" rtlCol="0">
              <a:spAutoFit/>
            </a:bodyPr>
            <a:lstStyle/>
            <a:p>
              <a:pPr algn="ctr"/>
              <a:r>
                <a:rPr lang="tr-TR" sz="3200" dirty="0"/>
                <a:t>İSTİĞFAR</a:t>
              </a:r>
            </a:p>
          </p:txBody>
        </p:sp>
      </p:grpSp>
      <p:sp>
        <p:nvSpPr>
          <p:cNvPr id="26" name="Dikdörtgen 25"/>
          <p:cNvSpPr/>
          <p:nvPr/>
        </p:nvSpPr>
        <p:spPr>
          <a:xfrm>
            <a:off x="484058" y="1347437"/>
            <a:ext cx="5612187" cy="3046988"/>
          </a:xfrm>
          <a:prstGeom prst="rect">
            <a:avLst/>
          </a:prstGeom>
        </p:spPr>
        <p:txBody>
          <a:bodyPr wrap="square">
            <a:spAutoFit/>
          </a:bodyPr>
          <a:lstStyle/>
          <a:p>
            <a:pPr lvl="0" algn="just"/>
            <a:r>
              <a:rPr lang="tr-TR" altLang="ko-KR" sz="3200" dirty="0">
                <a:solidFill>
                  <a:prstClr val="black"/>
                </a:solidFill>
              </a:rPr>
              <a:t>İnsanın, bilerek veya bilmeyerek yaptığı hata, büyük ve küçük günahlarından dolayı pişman olup bir daha aynı kusurları yapmamaya karar vererek bunlardan vazgeçmesidir.</a:t>
            </a:r>
            <a:endParaRPr lang="ko-KR" altLang="en-US" sz="3200" dirty="0">
              <a:solidFill>
                <a:prstClr val="black"/>
              </a:solidFill>
            </a:endParaRPr>
          </a:p>
        </p:txBody>
      </p:sp>
      <p:sp>
        <p:nvSpPr>
          <p:cNvPr id="32" name="Dikdörtgen 31"/>
          <p:cNvSpPr/>
          <p:nvPr/>
        </p:nvSpPr>
        <p:spPr>
          <a:xfrm>
            <a:off x="7059415" y="1648743"/>
            <a:ext cx="4834962" cy="1569660"/>
          </a:xfrm>
          <a:prstGeom prst="rect">
            <a:avLst/>
          </a:prstGeom>
        </p:spPr>
        <p:txBody>
          <a:bodyPr wrap="square">
            <a:spAutoFit/>
          </a:bodyPr>
          <a:lstStyle/>
          <a:p>
            <a:pPr lvl="0" algn="just"/>
            <a:r>
              <a:rPr lang="tr-TR" altLang="ko-KR" sz="3200" dirty="0">
                <a:solidFill>
                  <a:prstClr val="black"/>
                </a:solidFill>
              </a:rPr>
              <a:t>İstiğfar, günahların Allah (</a:t>
            </a:r>
            <a:r>
              <a:rPr lang="tr-TR" altLang="ko-KR" sz="3200" dirty="0" err="1">
                <a:solidFill>
                  <a:prstClr val="black"/>
                </a:solidFill>
              </a:rPr>
              <a:t>c.c</a:t>
            </a:r>
            <a:r>
              <a:rPr lang="tr-TR" altLang="ko-KR" sz="3200" dirty="0">
                <a:solidFill>
                  <a:prstClr val="black"/>
                </a:solidFill>
              </a:rPr>
              <a:t>.) tarafından bağışlaması için af dilemektir.</a:t>
            </a:r>
            <a:endParaRPr lang="ko-KR" altLang="en-US" sz="3200" dirty="0">
              <a:solidFill>
                <a:prstClr val="black"/>
              </a:solidFill>
            </a:endParaRPr>
          </a:p>
        </p:txBody>
      </p:sp>
      <p:sp>
        <p:nvSpPr>
          <p:cNvPr id="44" name="Yuvarlatılmış Dikdörtgen 43"/>
          <p:cNvSpPr/>
          <p:nvPr/>
        </p:nvSpPr>
        <p:spPr>
          <a:xfrm>
            <a:off x="1109644" y="4428667"/>
            <a:ext cx="3987136" cy="899409"/>
          </a:xfrm>
          <a:prstGeom prst="roundRect">
            <a:avLst/>
          </a:prstGeom>
          <a:solidFill>
            <a:schemeClr val="accent4">
              <a:lumMod val="60000"/>
              <a:lumOff val="40000"/>
            </a:schemeClr>
          </a:solidFill>
          <a:ln>
            <a:solidFill>
              <a:schemeClr val="bg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2800" dirty="0">
                <a:solidFill>
                  <a:schemeClr val="tx1"/>
                </a:solidFill>
              </a:rPr>
              <a:t>Fiili (eylemlerle) yapılan bağışlanma isteğidir.</a:t>
            </a:r>
          </a:p>
        </p:txBody>
      </p:sp>
      <p:sp>
        <p:nvSpPr>
          <p:cNvPr id="45" name="Yuvarlatılmış Dikdörtgen 44"/>
          <p:cNvSpPr/>
          <p:nvPr/>
        </p:nvSpPr>
        <p:spPr>
          <a:xfrm>
            <a:off x="7762566" y="4302393"/>
            <a:ext cx="3987136" cy="899409"/>
          </a:xfrm>
          <a:prstGeom prst="roundRect">
            <a:avLst/>
          </a:prstGeom>
          <a:solidFill>
            <a:srgbClr val="67DCD9"/>
          </a:solidFill>
          <a:ln>
            <a:solidFill>
              <a:schemeClr val="bg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2800" dirty="0">
                <a:solidFill>
                  <a:schemeClr val="tx1"/>
                </a:solidFill>
              </a:rPr>
              <a:t>Sözle yapılan bağışlanma isteğidir.</a:t>
            </a:r>
          </a:p>
        </p:txBody>
      </p:sp>
    </p:spTree>
    <p:custDataLst>
      <p:tags r:id="rId1"/>
    </p:custDataLst>
    <p:extLst>
      <p:ext uri="{BB962C8B-B14F-4D97-AF65-F5344CB8AC3E}">
        <p14:creationId xmlns:p14="http://schemas.microsoft.com/office/powerpoint/2010/main" val="29446232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42"/>
                                        </p:tgtEl>
                                        <p:attrNameLst>
                                          <p:attrName>style.visibility</p:attrName>
                                        </p:attrNameLst>
                                      </p:cBhvr>
                                      <p:to>
                                        <p:strVal val="visible"/>
                                      </p:to>
                                    </p:set>
                                    <p:animEffect transition="in" filter="wipe(up)">
                                      <p:cBhvr>
                                        <p:cTn id="7" dur="500"/>
                                        <p:tgtEl>
                                          <p:spTgt spid="4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26"/>
                                        </p:tgtEl>
                                        <p:attrNameLst>
                                          <p:attrName>style.visibility</p:attrName>
                                        </p:attrNameLst>
                                      </p:cBhvr>
                                      <p:to>
                                        <p:strVal val="visible"/>
                                      </p:to>
                                    </p:set>
                                    <p:animEffect transition="in" filter="wipe(left)">
                                      <p:cBhvr>
                                        <p:cTn id="12" dur="500"/>
                                        <p:tgtEl>
                                          <p:spTgt spid="26"/>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1" fill="hold" nodeType="clickEffect">
                                  <p:stCondLst>
                                    <p:cond delay="0"/>
                                  </p:stCondLst>
                                  <p:childTnLst>
                                    <p:set>
                                      <p:cBhvr>
                                        <p:cTn id="16" dur="1" fill="hold">
                                          <p:stCondLst>
                                            <p:cond delay="0"/>
                                          </p:stCondLst>
                                        </p:cTn>
                                        <p:tgtEl>
                                          <p:spTgt spid="43"/>
                                        </p:tgtEl>
                                        <p:attrNameLst>
                                          <p:attrName>style.visibility</p:attrName>
                                        </p:attrNameLst>
                                      </p:cBhvr>
                                      <p:to>
                                        <p:strVal val="visible"/>
                                      </p:to>
                                    </p:set>
                                    <p:animEffect transition="in" filter="wipe(up)">
                                      <p:cBhvr>
                                        <p:cTn id="17" dur="500"/>
                                        <p:tgtEl>
                                          <p:spTgt spid="43"/>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32"/>
                                        </p:tgtEl>
                                        <p:attrNameLst>
                                          <p:attrName>style.visibility</p:attrName>
                                        </p:attrNameLst>
                                      </p:cBhvr>
                                      <p:to>
                                        <p:strVal val="visible"/>
                                      </p:to>
                                    </p:set>
                                    <p:animEffect transition="in" filter="wipe(left)">
                                      <p:cBhvr>
                                        <p:cTn id="22" dur="500"/>
                                        <p:tgtEl>
                                          <p:spTgt spid="32"/>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8" fill="hold" grpId="0" nodeType="clickEffect">
                                  <p:stCondLst>
                                    <p:cond delay="0"/>
                                  </p:stCondLst>
                                  <p:childTnLst>
                                    <p:set>
                                      <p:cBhvr>
                                        <p:cTn id="26" dur="1" fill="hold">
                                          <p:stCondLst>
                                            <p:cond delay="0"/>
                                          </p:stCondLst>
                                        </p:cTn>
                                        <p:tgtEl>
                                          <p:spTgt spid="44"/>
                                        </p:tgtEl>
                                        <p:attrNameLst>
                                          <p:attrName>style.visibility</p:attrName>
                                        </p:attrNameLst>
                                      </p:cBhvr>
                                      <p:to>
                                        <p:strVal val="visible"/>
                                      </p:to>
                                    </p:set>
                                    <p:animEffect transition="in" filter="wipe(left)">
                                      <p:cBhvr>
                                        <p:cTn id="27" dur="500"/>
                                        <p:tgtEl>
                                          <p:spTgt spid="44"/>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8" fill="hold" grpId="0" nodeType="clickEffect">
                                  <p:stCondLst>
                                    <p:cond delay="0"/>
                                  </p:stCondLst>
                                  <p:childTnLst>
                                    <p:set>
                                      <p:cBhvr>
                                        <p:cTn id="31" dur="1" fill="hold">
                                          <p:stCondLst>
                                            <p:cond delay="0"/>
                                          </p:stCondLst>
                                        </p:cTn>
                                        <p:tgtEl>
                                          <p:spTgt spid="45"/>
                                        </p:tgtEl>
                                        <p:attrNameLst>
                                          <p:attrName>style.visibility</p:attrName>
                                        </p:attrNameLst>
                                      </p:cBhvr>
                                      <p:to>
                                        <p:strVal val="visible"/>
                                      </p:to>
                                    </p:set>
                                    <p:animEffect transition="in" filter="wipe(left)">
                                      <p:cBhvr>
                                        <p:cTn id="32" dur="500"/>
                                        <p:tgtEl>
                                          <p:spTgt spid="4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6" grpId="0"/>
      <p:bldP spid="32" grpId="0"/>
      <p:bldP spid="44" grpId="0" animBg="1"/>
      <p:bldP spid="45"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Ä°lgili resim"/>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14029" y="677213"/>
            <a:ext cx="4876800" cy="4876801"/>
          </a:xfrm>
          <a:prstGeom prst="rect">
            <a:avLst/>
          </a:prstGeom>
          <a:noFill/>
          <a:extLst>
            <a:ext uri="{909E8E84-426E-40DD-AFC4-6F175D3DCCD1}">
              <a14:hiddenFill xmlns:a14="http://schemas.microsoft.com/office/drawing/2010/main">
                <a:solidFill>
                  <a:srgbClr val="FFFFFF"/>
                </a:solidFill>
              </a14:hiddenFill>
            </a:ext>
          </a:extLst>
        </p:spPr>
      </p:pic>
      <p:sp>
        <p:nvSpPr>
          <p:cNvPr id="3" name="Yuvarlatılmış Dikdörtgen 2">
            <a:hlinkClick r:id="" action="ppaction://hlinkshowjump?jump=nextslide"/>
          </p:cNvPr>
          <p:cNvSpPr/>
          <p:nvPr/>
        </p:nvSpPr>
        <p:spPr>
          <a:xfrm>
            <a:off x="5735783" y="2629405"/>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prstClr val="white"/>
                </a:solidFill>
                <a:effectLst/>
                <a:uLnTx/>
                <a:uFillTx/>
                <a:latin typeface="Calibri" panose="020F0502020204030204"/>
                <a:ea typeface="+mn-ea"/>
                <a:cs typeface="+mn-cs"/>
              </a:rPr>
              <a:t>Video izliyoruz </a:t>
            </a:r>
          </a:p>
        </p:txBody>
      </p:sp>
      <p:sp>
        <p:nvSpPr>
          <p:cNvPr id="5" name="Dikdörtgen 4"/>
          <p:cNvSpPr/>
          <p:nvPr/>
        </p:nvSpPr>
        <p:spPr>
          <a:xfrm>
            <a:off x="10668582" y="3257477"/>
            <a:ext cx="138487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2126515897"/>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Günah Kalbi Karartır">
            <a:hlinkClick r:id="" action="ppaction://media"/>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0" y="0"/>
            <a:ext cx="12192000" cy="6858000"/>
          </a:xfrm>
          <a:prstGeom prst="rect">
            <a:avLst/>
          </a:prstGeom>
        </p:spPr>
      </p:pic>
    </p:spTree>
    <p:custDataLst>
      <p:tags r:id="rId1"/>
    </p:custDataLst>
    <p:extLst>
      <p:ext uri="{BB962C8B-B14F-4D97-AF65-F5344CB8AC3E}">
        <p14:creationId xmlns:p14="http://schemas.microsoft.com/office/powerpoint/2010/main" val="51339844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mediacall" presetSubtype="0" fill="hold" nodeType="afterEffect">
                                  <p:stCondLst>
                                    <p:cond delay="0"/>
                                  </p:stCondLst>
                                  <p:childTnLst>
                                    <p:cmd type="call" cmd="togglePause">
                                      <p:cBhvr>
                                        <p:cTn id="6" dur="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hape">
            <a:extLst>
              <a:ext uri="{FF2B5EF4-FFF2-40B4-BE49-F238E27FC236}">
                <a16:creationId xmlns:a16="http://schemas.microsoft.com/office/drawing/2014/main" id="{82078BCB-63BB-4A12-9B50-5B9DD83F9ED9}"/>
              </a:ext>
            </a:extLst>
          </p:cNvPr>
          <p:cNvSpPr/>
          <p:nvPr/>
        </p:nvSpPr>
        <p:spPr>
          <a:xfrm>
            <a:off x="4829794" y="914215"/>
            <a:ext cx="2525378" cy="2783424"/>
          </a:xfrm>
          <a:custGeom>
            <a:avLst/>
            <a:gdLst/>
            <a:ahLst/>
            <a:cxnLst>
              <a:cxn ang="0">
                <a:pos x="wd2" y="hd2"/>
              </a:cxn>
              <a:cxn ang="5400000">
                <a:pos x="wd2" y="hd2"/>
              </a:cxn>
              <a:cxn ang="10800000">
                <a:pos x="wd2" y="hd2"/>
              </a:cxn>
              <a:cxn ang="16200000">
                <a:pos x="wd2" y="hd2"/>
              </a:cxn>
            </a:cxnLst>
            <a:rect l="0" t="0" r="r" b="b"/>
            <a:pathLst>
              <a:path w="21590" h="21600" extrusionOk="0">
                <a:moveTo>
                  <a:pt x="10800" y="0"/>
                </a:moveTo>
                <a:cubicBezTo>
                  <a:pt x="4833" y="0"/>
                  <a:pt x="0" y="4387"/>
                  <a:pt x="0" y="9803"/>
                </a:cubicBezTo>
                <a:lnTo>
                  <a:pt x="0" y="21600"/>
                </a:lnTo>
                <a:lnTo>
                  <a:pt x="21590" y="21600"/>
                </a:lnTo>
                <a:lnTo>
                  <a:pt x="21590" y="9803"/>
                </a:lnTo>
                <a:cubicBezTo>
                  <a:pt x="21600" y="4387"/>
                  <a:pt x="16767" y="0"/>
                  <a:pt x="10800" y="0"/>
                </a:cubicBezTo>
                <a:lnTo>
                  <a:pt x="10800" y="0"/>
                </a:lnTo>
                <a:close/>
              </a:path>
            </a:pathLst>
          </a:custGeom>
          <a:solidFill>
            <a:sysClr val="window" lastClr="FFFFFF">
              <a:lumMod val="7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grpSp>
        <p:nvGrpSpPr>
          <p:cNvPr id="4" name="Group 71">
            <a:extLst>
              <a:ext uri="{FF2B5EF4-FFF2-40B4-BE49-F238E27FC236}">
                <a16:creationId xmlns:a16="http://schemas.microsoft.com/office/drawing/2014/main" id="{5FE0D48F-EAB7-4D36-8498-03A86D118F11}"/>
              </a:ext>
            </a:extLst>
          </p:cNvPr>
          <p:cNvGrpSpPr/>
          <p:nvPr/>
        </p:nvGrpSpPr>
        <p:grpSpPr>
          <a:xfrm>
            <a:off x="3258620" y="3561917"/>
            <a:ext cx="5674760" cy="2742033"/>
            <a:chOff x="3135866" y="3443287"/>
            <a:chExt cx="5920271" cy="2860662"/>
          </a:xfrm>
        </p:grpSpPr>
        <p:sp>
          <p:nvSpPr>
            <p:cNvPr id="13" name="Shape">
              <a:extLst>
                <a:ext uri="{FF2B5EF4-FFF2-40B4-BE49-F238E27FC236}">
                  <a16:creationId xmlns:a16="http://schemas.microsoft.com/office/drawing/2014/main" id="{F341464A-3016-4539-BFB2-06CCEC9D28D3}"/>
                </a:ext>
              </a:extLst>
            </p:cNvPr>
            <p:cNvSpPr/>
            <p:nvPr/>
          </p:nvSpPr>
          <p:spPr>
            <a:xfrm>
              <a:off x="3135866" y="3443288"/>
              <a:ext cx="5920271" cy="2860661"/>
            </a:xfrm>
            <a:custGeom>
              <a:avLst/>
              <a:gdLst/>
              <a:ahLst/>
              <a:cxnLst>
                <a:cxn ang="0">
                  <a:pos x="wd2" y="hd2"/>
                </a:cxn>
                <a:cxn ang="5400000">
                  <a:pos x="wd2" y="hd2"/>
                </a:cxn>
                <a:cxn ang="10800000">
                  <a:pos x="wd2" y="hd2"/>
                </a:cxn>
                <a:cxn ang="16200000">
                  <a:pos x="wd2" y="hd2"/>
                </a:cxn>
              </a:cxnLst>
              <a:rect l="0" t="0" r="r" b="b"/>
              <a:pathLst>
                <a:path w="21600" h="21600" extrusionOk="0">
                  <a:moveTo>
                    <a:pt x="0" y="17660"/>
                  </a:moveTo>
                  <a:lnTo>
                    <a:pt x="1018" y="16205"/>
                  </a:lnTo>
                  <a:lnTo>
                    <a:pt x="1018" y="12265"/>
                  </a:lnTo>
                  <a:lnTo>
                    <a:pt x="2130" y="10800"/>
                  </a:lnTo>
                  <a:lnTo>
                    <a:pt x="2130" y="6860"/>
                  </a:lnTo>
                  <a:lnTo>
                    <a:pt x="3223" y="5395"/>
                  </a:lnTo>
                  <a:lnTo>
                    <a:pt x="3223" y="1455"/>
                  </a:lnTo>
                  <a:lnTo>
                    <a:pt x="4291" y="0"/>
                  </a:lnTo>
                  <a:lnTo>
                    <a:pt x="17309" y="0"/>
                  </a:lnTo>
                  <a:lnTo>
                    <a:pt x="18377" y="1455"/>
                  </a:lnTo>
                  <a:lnTo>
                    <a:pt x="18377" y="5395"/>
                  </a:lnTo>
                  <a:lnTo>
                    <a:pt x="19470" y="6860"/>
                  </a:lnTo>
                  <a:lnTo>
                    <a:pt x="19470" y="10800"/>
                  </a:lnTo>
                  <a:lnTo>
                    <a:pt x="20582" y="12265"/>
                  </a:lnTo>
                  <a:lnTo>
                    <a:pt x="20582" y="16205"/>
                  </a:lnTo>
                  <a:lnTo>
                    <a:pt x="21600" y="17660"/>
                  </a:lnTo>
                  <a:lnTo>
                    <a:pt x="21600" y="21600"/>
                  </a:lnTo>
                  <a:lnTo>
                    <a:pt x="0" y="21600"/>
                  </a:lnTo>
                  <a:close/>
                </a:path>
              </a:pathLst>
            </a:custGeom>
            <a:solidFill>
              <a:sysClr val="window" lastClr="FFFFFF">
                <a:lumMod val="8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14" name="Rectangle">
              <a:extLst>
                <a:ext uri="{FF2B5EF4-FFF2-40B4-BE49-F238E27FC236}">
                  <a16:creationId xmlns:a16="http://schemas.microsoft.com/office/drawing/2014/main" id="{979B8589-B962-4578-A4EE-B1084F32A976}"/>
                </a:ext>
              </a:extLst>
            </p:cNvPr>
            <p:cNvSpPr/>
            <p:nvPr/>
          </p:nvSpPr>
          <p:spPr>
            <a:xfrm>
              <a:off x="3135866" y="5783875"/>
              <a:ext cx="5916169" cy="520074"/>
            </a:xfrm>
            <a:prstGeom prst="rect">
              <a:avLst/>
            </a:prstGeom>
            <a:solidFill>
              <a:sysClr val="window" lastClr="FFFFFF">
                <a:lumMod val="9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15" name="Rectangle">
              <a:extLst>
                <a:ext uri="{FF2B5EF4-FFF2-40B4-BE49-F238E27FC236}">
                  <a16:creationId xmlns:a16="http://schemas.microsoft.com/office/drawing/2014/main" id="{B2E2D511-4BE6-4C7F-87E1-3EED3C974075}"/>
                </a:ext>
              </a:extLst>
            </p:cNvPr>
            <p:cNvSpPr/>
            <p:nvPr/>
          </p:nvSpPr>
          <p:spPr>
            <a:xfrm>
              <a:off x="3416705" y="5074127"/>
              <a:ext cx="5362264" cy="513954"/>
            </a:xfrm>
            <a:prstGeom prst="rect">
              <a:avLst/>
            </a:prstGeom>
            <a:solidFill>
              <a:sysClr val="window" lastClr="FFFFFF">
                <a:lumMod val="9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16" name="Rectangle">
              <a:extLst>
                <a:ext uri="{FF2B5EF4-FFF2-40B4-BE49-F238E27FC236}">
                  <a16:creationId xmlns:a16="http://schemas.microsoft.com/office/drawing/2014/main" id="{F43FD5CF-A3E8-4471-87DA-0E79368A4B09}"/>
                </a:ext>
              </a:extLst>
            </p:cNvPr>
            <p:cNvSpPr/>
            <p:nvPr/>
          </p:nvSpPr>
          <p:spPr>
            <a:xfrm>
              <a:off x="3722630" y="4361578"/>
              <a:ext cx="4751638" cy="518720"/>
            </a:xfrm>
            <a:prstGeom prst="rect">
              <a:avLst/>
            </a:prstGeom>
            <a:solidFill>
              <a:sysClr val="window" lastClr="FFFFFF">
                <a:lumMod val="9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17" name="Rectangle">
              <a:extLst>
                <a:ext uri="{FF2B5EF4-FFF2-40B4-BE49-F238E27FC236}">
                  <a16:creationId xmlns:a16="http://schemas.microsoft.com/office/drawing/2014/main" id="{9C93DB2B-0609-4FB4-8A84-FC252B78F8E6}"/>
                </a:ext>
              </a:extLst>
            </p:cNvPr>
            <p:cNvSpPr/>
            <p:nvPr/>
          </p:nvSpPr>
          <p:spPr>
            <a:xfrm>
              <a:off x="4019988" y="3643392"/>
              <a:ext cx="4152025" cy="518720"/>
            </a:xfrm>
            <a:prstGeom prst="rect">
              <a:avLst/>
            </a:prstGeom>
            <a:solidFill>
              <a:sysClr val="window" lastClr="FFFFFF">
                <a:lumMod val="9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18" name="Shape">
              <a:extLst>
                <a:ext uri="{FF2B5EF4-FFF2-40B4-BE49-F238E27FC236}">
                  <a16:creationId xmlns:a16="http://schemas.microsoft.com/office/drawing/2014/main" id="{573F26A4-A9F3-4A0C-AEAE-84F7A50FEC3F}"/>
                </a:ext>
              </a:extLst>
            </p:cNvPr>
            <p:cNvSpPr/>
            <p:nvPr/>
          </p:nvSpPr>
          <p:spPr>
            <a:xfrm>
              <a:off x="4317493" y="4880297"/>
              <a:ext cx="3557017" cy="195181"/>
            </a:xfrm>
            <a:custGeom>
              <a:avLst/>
              <a:gdLst/>
              <a:ahLst/>
              <a:cxnLst>
                <a:cxn ang="0">
                  <a:pos x="wd2" y="hd2"/>
                </a:cxn>
                <a:cxn ang="5400000">
                  <a:pos x="wd2" y="hd2"/>
                </a:cxn>
                <a:cxn ang="10800000">
                  <a:pos x="wd2" y="hd2"/>
                </a:cxn>
                <a:cxn ang="16200000">
                  <a:pos x="wd2" y="hd2"/>
                </a:cxn>
              </a:cxnLst>
              <a:rect l="0" t="0" r="r" b="b"/>
              <a:pathLst>
                <a:path w="21600" h="21600" extrusionOk="0">
                  <a:moveTo>
                    <a:pt x="20375" y="0"/>
                  </a:moveTo>
                  <a:lnTo>
                    <a:pt x="1225" y="0"/>
                  </a:lnTo>
                  <a:lnTo>
                    <a:pt x="0" y="21600"/>
                  </a:lnTo>
                  <a:lnTo>
                    <a:pt x="21600" y="21600"/>
                  </a:lnTo>
                  <a:close/>
                </a:path>
              </a:pathLst>
            </a:custGeom>
            <a:solidFill>
              <a:srgbClr val="F7931F">
                <a:lumMod val="75000"/>
              </a:srgb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19" name="Shape">
              <a:extLst>
                <a:ext uri="{FF2B5EF4-FFF2-40B4-BE49-F238E27FC236}">
                  <a16:creationId xmlns:a16="http://schemas.microsoft.com/office/drawing/2014/main" id="{1328BE19-EC9B-4824-B390-ECBA4E0B4473}"/>
                </a:ext>
              </a:extLst>
            </p:cNvPr>
            <p:cNvSpPr/>
            <p:nvPr/>
          </p:nvSpPr>
          <p:spPr>
            <a:xfrm>
              <a:off x="4130040" y="5588083"/>
              <a:ext cx="3931921" cy="196766"/>
            </a:xfrm>
            <a:custGeom>
              <a:avLst/>
              <a:gdLst/>
              <a:ahLst/>
              <a:cxnLst>
                <a:cxn ang="0">
                  <a:pos x="wd2" y="hd2"/>
                </a:cxn>
                <a:cxn ang="5400000">
                  <a:pos x="wd2" y="hd2"/>
                </a:cxn>
                <a:cxn ang="10800000">
                  <a:pos x="wd2" y="hd2"/>
                </a:cxn>
                <a:cxn ang="16200000">
                  <a:pos x="wd2" y="hd2"/>
                </a:cxn>
              </a:cxnLst>
              <a:rect l="0" t="0" r="r" b="b"/>
              <a:pathLst>
                <a:path w="21600" h="21600" extrusionOk="0">
                  <a:moveTo>
                    <a:pt x="1022" y="0"/>
                  </a:moveTo>
                  <a:lnTo>
                    <a:pt x="0" y="21600"/>
                  </a:lnTo>
                  <a:lnTo>
                    <a:pt x="21600" y="21600"/>
                  </a:lnTo>
                  <a:lnTo>
                    <a:pt x="20578" y="0"/>
                  </a:lnTo>
                  <a:close/>
                </a:path>
              </a:pathLst>
            </a:custGeom>
            <a:solidFill>
              <a:srgbClr val="C13018">
                <a:lumMod val="75000"/>
              </a:srgb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20" name="Shape">
              <a:extLst>
                <a:ext uri="{FF2B5EF4-FFF2-40B4-BE49-F238E27FC236}">
                  <a16:creationId xmlns:a16="http://schemas.microsoft.com/office/drawing/2014/main" id="{25E1C53F-0C0A-4A49-8F7F-72BA29C0CC0A}"/>
                </a:ext>
              </a:extLst>
            </p:cNvPr>
            <p:cNvSpPr/>
            <p:nvPr/>
          </p:nvSpPr>
          <p:spPr>
            <a:xfrm>
              <a:off x="4518660" y="4162469"/>
              <a:ext cx="3154680" cy="201910"/>
            </a:xfrm>
            <a:custGeom>
              <a:avLst/>
              <a:gdLst/>
              <a:ahLst/>
              <a:cxnLst>
                <a:cxn ang="0">
                  <a:pos x="wd2" y="hd2"/>
                </a:cxn>
                <a:cxn ang="5400000">
                  <a:pos x="wd2" y="hd2"/>
                </a:cxn>
                <a:cxn ang="10800000">
                  <a:pos x="wd2" y="hd2"/>
                </a:cxn>
                <a:cxn ang="16200000">
                  <a:pos x="wd2" y="hd2"/>
                </a:cxn>
              </a:cxnLst>
              <a:rect l="0" t="0" r="r" b="b"/>
              <a:pathLst>
                <a:path w="21600" h="21600" extrusionOk="0">
                  <a:moveTo>
                    <a:pt x="20235" y="0"/>
                  </a:moveTo>
                  <a:lnTo>
                    <a:pt x="1365" y="0"/>
                  </a:lnTo>
                  <a:lnTo>
                    <a:pt x="0" y="21600"/>
                  </a:lnTo>
                  <a:lnTo>
                    <a:pt x="21600" y="21600"/>
                  </a:lnTo>
                  <a:close/>
                </a:path>
              </a:pathLst>
            </a:custGeom>
            <a:solidFill>
              <a:srgbClr val="FFCC4C">
                <a:lumMod val="75000"/>
              </a:srgb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21" name="Shape">
              <a:extLst>
                <a:ext uri="{FF2B5EF4-FFF2-40B4-BE49-F238E27FC236}">
                  <a16:creationId xmlns:a16="http://schemas.microsoft.com/office/drawing/2014/main" id="{35040125-EF87-4D55-A00F-48549D535127}"/>
                </a:ext>
              </a:extLst>
            </p:cNvPr>
            <p:cNvSpPr/>
            <p:nvPr/>
          </p:nvSpPr>
          <p:spPr>
            <a:xfrm>
              <a:off x="4716888" y="3443287"/>
              <a:ext cx="2758224" cy="200105"/>
            </a:xfrm>
            <a:custGeom>
              <a:avLst/>
              <a:gdLst/>
              <a:ahLst/>
              <a:cxnLst>
                <a:cxn ang="0">
                  <a:pos x="wd2" y="hd2"/>
                </a:cxn>
                <a:cxn ang="5400000">
                  <a:pos x="wd2" y="hd2"/>
                </a:cxn>
                <a:cxn ang="10800000">
                  <a:pos x="wd2" y="hd2"/>
                </a:cxn>
                <a:cxn ang="16200000">
                  <a:pos x="wd2" y="hd2"/>
                </a:cxn>
              </a:cxnLst>
              <a:rect l="0" t="0" r="r" b="b"/>
              <a:pathLst>
                <a:path w="21600" h="21600" extrusionOk="0">
                  <a:moveTo>
                    <a:pt x="21600" y="21600"/>
                  </a:moveTo>
                  <a:lnTo>
                    <a:pt x="20076" y="0"/>
                  </a:lnTo>
                  <a:lnTo>
                    <a:pt x="1524" y="0"/>
                  </a:lnTo>
                  <a:lnTo>
                    <a:pt x="0" y="21600"/>
                  </a:lnTo>
                  <a:close/>
                </a:path>
              </a:pathLst>
            </a:custGeom>
            <a:solidFill>
              <a:srgbClr val="A2B969">
                <a:lumMod val="75000"/>
              </a:srgb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22" name="Rectangle">
              <a:extLst>
                <a:ext uri="{FF2B5EF4-FFF2-40B4-BE49-F238E27FC236}">
                  <a16:creationId xmlns:a16="http://schemas.microsoft.com/office/drawing/2014/main" id="{2C997524-4AD3-451A-A42A-66AF52E6376E}"/>
                </a:ext>
              </a:extLst>
            </p:cNvPr>
            <p:cNvSpPr/>
            <p:nvPr/>
          </p:nvSpPr>
          <p:spPr>
            <a:xfrm>
              <a:off x="4130040" y="5783875"/>
              <a:ext cx="3931921" cy="520074"/>
            </a:xfrm>
            <a:prstGeom prst="rect">
              <a:avLst/>
            </a:prstGeom>
            <a:solidFill>
              <a:srgbClr val="C13018"/>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400" b="1" i="0" u="none" strike="noStrike" kern="0" cap="none" spc="0" normalizeH="0" baseline="0" noProof="0" dirty="0">
                <a:ln>
                  <a:noFill/>
                </a:ln>
                <a:solidFill>
                  <a:prstClr val="white"/>
                </a:solidFill>
                <a:effectLst/>
                <a:uLnTx/>
                <a:uFillTx/>
              </a:endParaRPr>
            </a:p>
          </p:txBody>
        </p:sp>
        <p:sp>
          <p:nvSpPr>
            <p:cNvPr id="23" name="Rectangle">
              <a:extLst>
                <a:ext uri="{FF2B5EF4-FFF2-40B4-BE49-F238E27FC236}">
                  <a16:creationId xmlns:a16="http://schemas.microsoft.com/office/drawing/2014/main" id="{EE1BFD5C-5213-4DE3-9589-219E68A21294}"/>
                </a:ext>
              </a:extLst>
            </p:cNvPr>
            <p:cNvSpPr/>
            <p:nvPr/>
          </p:nvSpPr>
          <p:spPr>
            <a:xfrm>
              <a:off x="4317493" y="5074130"/>
              <a:ext cx="3557017" cy="513954"/>
            </a:xfrm>
            <a:prstGeom prst="rect">
              <a:avLst/>
            </a:prstGeom>
            <a:solidFill>
              <a:srgbClr val="F7931F"/>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800" b="1" i="0" u="none" strike="noStrike" kern="0" cap="none" spc="0" normalizeH="0" baseline="0" noProof="0" dirty="0">
                <a:ln>
                  <a:noFill/>
                </a:ln>
                <a:solidFill>
                  <a:prstClr val="black">
                    <a:lumMod val="85000"/>
                    <a:lumOff val="15000"/>
                  </a:prstClr>
                </a:solidFill>
                <a:effectLst/>
                <a:uLnTx/>
                <a:uFillTx/>
              </a:endParaRPr>
            </a:p>
          </p:txBody>
        </p:sp>
        <p:sp>
          <p:nvSpPr>
            <p:cNvPr id="24" name="Rectangle">
              <a:extLst>
                <a:ext uri="{FF2B5EF4-FFF2-40B4-BE49-F238E27FC236}">
                  <a16:creationId xmlns:a16="http://schemas.microsoft.com/office/drawing/2014/main" id="{99C58F28-CB82-41CB-AFF2-3F66E3F8ED6C}"/>
                </a:ext>
              </a:extLst>
            </p:cNvPr>
            <p:cNvSpPr/>
            <p:nvPr/>
          </p:nvSpPr>
          <p:spPr>
            <a:xfrm>
              <a:off x="4518660" y="4361581"/>
              <a:ext cx="3154680" cy="518720"/>
            </a:xfrm>
            <a:prstGeom prst="rect">
              <a:avLst/>
            </a:prstGeom>
            <a:solidFill>
              <a:srgbClr val="FFCC4C"/>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800" b="1" i="0" u="none" strike="noStrike" kern="0" cap="none" spc="0" normalizeH="0" baseline="0" noProof="0" dirty="0">
                <a:ln>
                  <a:noFill/>
                </a:ln>
                <a:solidFill>
                  <a:prstClr val="black">
                    <a:lumMod val="85000"/>
                    <a:lumOff val="15000"/>
                  </a:prstClr>
                </a:solidFill>
                <a:effectLst/>
                <a:uLnTx/>
                <a:uFillTx/>
              </a:endParaRPr>
            </a:p>
          </p:txBody>
        </p:sp>
        <p:sp>
          <p:nvSpPr>
            <p:cNvPr id="25" name="Rectangle">
              <a:extLst>
                <a:ext uri="{FF2B5EF4-FFF2-40B4-BE49-F238E27FC236}">
                  <a16:creationId xmlns:a16="http://schemas.microsoft.com/office/drawing/2014/main" id="{8642AA8C-F811-4D52-B16D-27A49F4DC4E1}"/>
                </a:ext>
              </a:extLst>
            </p:cNvPr>
            <p:cNvSpPr/>
            <p:nvPr/>
          </p:nvSpPr>
          <p:spPr>
            <a:xfrm>
              <a:off x="4716888" y="3643393"/>
              <a:ext cx="2758224" cy="519077"/>
            </a:xfrm>
            <a:prstGeom prst="rect">
              <a:avLst/>
            </a:prstGeom>
            <a:solidFill>
              <a:srgbClr val="A2B969"/>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400" b="1" i="0" u="none" strike="noStrike" kern="0" cap="none" spc="0" normalizeH="0" baseline="0" noProof="0" dirty="0">
                <a:ln>
                  <a:noFill/>
                </a:ln>
                <a:solidFill>
                  <a:prstClr val="black">
                    <a:lumMod val="85000"/>
                    <a:lumOff val="15000"/>
                  </a:prstClr>
                </a:solidFill>
                <a:effectLst/>
                <a:uLnTx/>
                <a:uFillTx/>
              </a:endParaRPr>
            </a:p>
          </p:txBody>
        </p:sp>
      </p:grpSp>
      <p:sp>
        <p:nvSpPr>
          <p:cNvPr id="5" name="Shape">
            <a:extLst>
              <a:ext uri="{FF2B5EF4-FFF2-40B4-BE49-F238E27FC236}">
                <a16:creationId xmlns:a16="http://schemas.microsoft.com/office/drawing/2014/main" id="{83F5E713-CEE4-4A35-8A9B-25D2C72B782D}"/>
              </a:ext>
            </a:extLst>
          </p:cNvPr>
          <p:cNvSpPr/>
          <p:nvPr/>
        </p:nvSpPr>
        <p:spPr>
          <a:xfrm>
            <a:off x="4961597" y="1030213"/>
            <a:ext cx="2261026" cy="2531533"/>
          </a:xfrm>
          <a:custGeom>
            <a:avLst/>
            <a:gdLst/>
            <a:ahLst/>
            <a:cxnLst>
              <a:cxn ang="0">
                <a:pos x="wd2" y="hd2"/>
              </a:cxn>
              <a:cxn ang="5400000">
                <a:pos x="wd2" y="hd2"/>
              </a:cxn>
              <a:cxn ang="10800000">
                <a:pos x="wd2" y="hd2"/>
              </a:cxn>
              <a:cxn ang="16200000">
                <a:pos x="wd2" y="hd2"/>
              </a:cxn>
            </a:cxnLst>
            <a:rect l="0" t="0" r="r" b="b"/>
            <a:pathLst>
              <a:path w="21589" h="21600" extrusionOk="0">
                <a:moveTo>
                  <a:pt x="10789" y="0"/>
                </a:moveTo>
                <a:cubicBezTo>
                  <a:pt x="16736" y="0"/>
                  <a:pt x="21589" y="4354"/>
                  <a:pt x="21589" y="9712"/>
                </a:cubicBezTo>
                <a:lnTo>
                  <a:pt x="21589" y="21600"/>
                </a:lnTo>
                <a:lnTo>
                  <a:pt x="0" y="21600"/>
                </a:lnTo>
                <a:lnTo>
                  <a:pt x="0" y="9712"/>
                </a:lnTo>
                <a:cubicBezTo>
                  <a:pt x="-11" y="4354"/>
                  <a:pt x="4842" y="0"/>
                  <a:pt x="10789" y="0"/>
                </a:cubicBezTo>
              </a:path>
            </a:pathLst>
          </a:custGeom>
          <a:solidFill>
            <a:srgbClr val="3A5C84">
              <a:lumMod val="20000"/>
              <a:lumOff val="80000"/>
            </a:srgb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800" b="1" i="0" u="none" strike="noStrike" kern="0" cap="none" spc="0" normalizeH="0" baseline="0" noProof="0" dirty="0">
              <a:ln>
                <a:noFill/>
              </a:ln>
              <a:solidFill>
                <a:srgbClr val="063951"/>
              </a:solidFill>
              <a:effectLst/>
              <a:uLnTx/>
              <a:uFillTx/>
            </a:endParaRPr>
          </a:p>
        </p:txBody>
      </p:sp>
      <p:grpSp>
        <p:nvGrpSpPr>
          <p:cNvPr id="6" name="Group 58">
            <a:extLst>
              <a:ext uri="{FF2B5EF4-FFF2-40B4-BE49-F238E27FC236}">
                <a16:creationId xmlns:a16="http://schemas.microsoft.com/office/drawing/2014/main" id="{039669B9-7CE1-4683-91AA-E97C56E03E1C}"/>
              </a:ext>
            </a:extLst>
          </p:cNvPr>
          <p:cNvGrpSpPr/>
          <p:nvPr/>
        </p:nvGrpSpPr>
        <p:grpSpPr>
          <a:xfrm>
            <a:off x="7222623" y="1031509"/>
            <a:ext cx="1297293" cy="2847939"/>
            <a:chOff x="7271365" y="803406"/>
            <a:chExt cx="1353418" cy="2971151"/>
          </a:xfrm>
        </p:grpSpPr>
        <p:sp>
          <p:nvSpPr>
            <p:cNvPr id="7" name="Shape">
              <a:extLst>
                <a:ext uri="{FF2B5EF4-FFF2-40B4-BE49-F238E27FC236}">
                  <a16:creationId xmlns:a16="http://schemas.microsoft.com/office/drawing/2014/main" id="{51EE812C-E913-4B17-82BC-A66A3894B941}"/>
                </a:ext>
              </a:extLst>
            </p:cNvPr>
            <p:cNvSpPr/>
            <p:nvPr/>
          </p:nvSpPr>
          <p:spPr>
            <a:xfrm>
              <a:off x="7271365" y="803407"/>
              <a:ext cx="1353418" cy="2971150"/>
            </a:xfrm>
            <a:custGeom>
              <a:avLst/>
              <a:gdLst/>
              <a:ahLst/>
              <a:cxnLst>
                <a:cxn ang="0">
                  <a:pos x="wd2" y="hd2"/>
                </a:cxn>
                <a:cxn ang="5400000">
                  <a:pos x="wd2" y="hd2"/>
                </a:cxn>
                <a:cxn ang="10800000">
                  <a:pos x="wd2" y="hd2"/>
                </a:cxn>
                <a:cxn ang="16200000">
                  <a:pos x="wd2" y="hd2"/>
                </a:cxn>
              </a:cxnLst>
              <a:rect l="0" t="0" r="r" b="b"/>
              <a:pathLst>
                <a:path w="21600" h="21600" extrusionOk="0">
                  <a:moveTo>
                    <a:pt x="0" y="19243"/>
                  </a:moveTo>
                  <a:lnTo>
                    <a:pt x="19647" y="21600"/>
                  </a:lnTo>
                  <a:lnTo>
                    <a:pt x="21600" y="21600"/>
                  </a:lnTo>
                  <a:lnTo>
                    <a:pt x="21600" y="10444"/>
                  </a:lnTo>
                  <a:cubicBezTo>
                    <a:pt x="21600" y="8674"/>
                    <a:pt x="21131" y="6912"/>
                    <a:pt x="20116" y="5186"/>
                  </a:cubicBezTo>
                  <a:cubicBezTo>
                    <a:pt x="18690" y="2740"/>
                    <a:pt x="15995" y="0"/>
                    <a:pt x="11073" y="0"/>
                  </a:cubicBezTo>
                  <a:lnTo>
                    <a:pt x="0" y="19243"/>
                  </a:lnTo>
                  <a:close/>
                </a:path>
              </a:pathLst>
            </a:custGeom>
            <a:solidFill>
              <a:sysClr val="windowText" lastClr="000000">
                <a:lumMod val="65000"/>
                <a:lumOff val="3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8" name="Shape">
              <a:extLst>
                <a:ext uri="{FF2B5EF4-FFF2-40B4-BE49-F238E27FC236}">
                  <a16:creationId xmlns:a16="http://schemas.microsoft.com/office/drawing/2014/main" id="{1575D00C-2F97-4C67-B5CC-634E9A3C89B7}"/>
                </a:ext>
              </a:extLst>
            </p:cNvPr>
            <p:cNvSpPr/>
            <p:nvPr/>
          </p:nvSpPr>
          <p:spPr>
            <a:xfrm>
              <a:off x="7271365" y="803406"/>
              <a:ext cx="1231048" cy="2971150"/>
            </a:xfrm>
            <a:custGeom>
              <a:avLst/>
              <a:gdLst/>
              <a:ahLst/>
              <a:cxnLst>
                <a:cxn ang="0">
                  <a:pos x="wd2" y="hd2"/>
                </a:cxn>
                <a:cxn ang="5400000">
                  <a:pos x="wd2" y="hd2"/>
                </a:cxn>
                <a:cxn ang="10800000">
                  <a:pos x="wd2" y="hd2"/>
                </a:cxn>
                <a:cxn ang="16200000">
                  <a:pos x="wd2" y="hd2"/>
                </a:cxn>
              </a:cxnLst>
              <a:rect l="0" t="0" r="r" b="b"/>
              <a:pathLst>
                <a:path w="21600" h="20987" extrusionOk="0">
                  <a:moveTo>
                    <a:pt x="10714" y="78"/>
                  </a:moveTo>
                  <a:lnTo>
                    <a:pt x="10714" y="78"/>
                  </a:lnTo>
                  <a:cubicBezTo>
                    <a:pt x="4810" y="769"/>
                    <a:pt x="0" y="4856"/>
                    <a:pt x="0" y="9211"/>
                  </a:cubicBezTo>
                  <a:lnTo>
                    <a:pt x="0" y="18697"/>
                  </a:lnTo>
                  <a:lnTo>
                    <a:pt x="21600" y="20987"/>
                  </a:lnTo>
                  <a:lnTo>
                    <a:pt x="21493" y="8882"/>
                  </a:lnTo>
                  <a:cubicBezTo>
                    <a:pt x="21471" y="3327"/>
                    <a:pt x="16640" y="-613"/>
                    <a:pt x="10714" y="78"/>
                  </a:cubicBezTo>
                  <a:close/>
                </a:path>
              </a:pathLst>
            </a:custGeom>
            <a:solidFill>
              <a:sysClr val="windowText" lastClr="000000">
                <a:lumMod val="50000"/>
                <a:lumOff val="50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9" name="Shape">
              <a:extLst>
                <a:ext uri="{FF2B5EF4-FFF2-40B4-BE49-F238E27FC236}">
                  <a16:creationId xmlns:a16="http://schemas.microsoft.com/office/drawing/2014/main" id="{9B1CA14C-3939-487A-9B1C-6612BF8FCCC1}"/>
                </a:ext>
              </a:extLst>
            </p:cNvPr>
            <p:cNvSpPr/>
            <p:nvPr/>
          </p:nvSpPr>
          <p:spPr>
            <a:xfrm>
              <a:off x="8287039" y="2333035"/>
              <a:ext cx="93003" cy="391585"/>
            </a:xfrm>
            <a:custGeom>
              <a:avLst/>
              <a:gdLst/>
              <a:ahLst/>
              <a:cxnLst>
                <a:cxn ang="0">
                  <a:pos x="wd2" y="hd2"/>
                </a:cxn>
                <a:cxn ang="5400000">
                  <a:pos x="wd2" y="hd2"/>
                </a:cxn>
                <a:cxn ang="10800000">
                  <a:pos x="wd2" y="hd2"/>
                </a:cxn>
                <a:cxn ang="16200000">
                  <a:pos x="wd2" y="hd2"/>
                </a:cxn>
              </a:cxnLst>
              <a:rect l="0" t="0" r="r" b="b"/>
              <a:pathLst>
                <a:path w="21600" h="21600" extrusionOk="0">
                  <a:moveTo>
                    <a:pt x="10800" y="0"/>
                  </a:moveTo>
                  <a:cubicBezTo>
                    <a:pt x="4831" y="0"/>
                    <a:pt x="0" y="1553"/>
                    <a:pt x="0" y="3442"/>
                  </a:cubicBezTo>
                  <a:lnTo>
                    <a:pt x="0" y="18158"/>
                  </a:lnTo>
                  <a:cubicBezTo>
                    <a:pt x="0" y="20048"/>
                    <a:pt x="4831" y="21600"/>
                    <a:pt x="10800" y="21600"/>
                  </a:cubicBezTo>
                  <a:cubicBezTo>
                    <a:pt x="16769" y="21600"/>
                    <a:pt x="21600" y="20047"/>
                    <a:pt x="21600" y="18158"/>
                  </a:cubicBezTo>
                  <a:lnTo>
                    <a:pt x="21600" y="3442"/>
                  </a:lnTo>
                  <a:cubicBezTo>
                    <a:pt x="21600" y="1553"/>
                    <a:pt x="16769" y="0"/>
                    <a:pt x="10800" y="0"/>
                  </a:cubicBezTo>
                  <a:close/>
                </a:path>
              </a:pathLst>
            </a:custGeom>
            <a:solidFill>
              <a:sysClr val="window" lastClr="FFFFFF">
                <a:lumMod val="8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10" name="Shape">
              <a:extLst>
                <a:ext uri="{FF2B5EF4-FFF2-40B4-BE49-F238E27FC236}">
                  <a16:creationId xmlns:a16="http://schemas.microsoft.com/office/drawing/2014/main" id="{2FFFB0B1-5766-4AC5-A7ED-26430FD33453}"/>
                </a:ext>
              </a:extLst>
            </p:cNvPr>
            <p:cNvSpPr/>
            <p:nvPr/>
          </p:nvSpPr>
          <p:spPr>
            <a:xfrm>
              <a:off x="8164668" y="2443167"/>
              <a:ext cx="184779" cy="56293"/>
            </a:xfrm>
            <a:custGeom>
              <a:avLst/>
              <a:gdLst/>
              <a:ahLst/>
              <a:cxnLst>
                <a:cxn ang="0">
                  <a:pos x="wd2" y="hd2"/>
                </a:cxn>
                <a:cxn ang="5400000">
                  <a:pos x="wd2" y="hd2"/>
                </a:cxn>
                <a:cxn ang="10800000">
                  <a:pos x="wd2" y="hd2"/>
                </a:cxn>
                <a:cxn ang="16200000">
                  <a:pos x="wd2" y="hd2"/>
                </a:cxn>
              </a:cxnLst>
              <a:rect l="0" t="0" r="r" b="b"/>
              <a:pathLst>
                <a:path w="21600" h="21600" extrusionOk="0">
                  <a:moveTo>
                    <a:pt x="19168" y="0"/>
                  </a:moveTo>
                  <a:lnTo>
                    <a:pt x="2432" y="0"/>
                  </a:lnTo>
                  <a:cubicBezTo>
                    <a:pt x="1144" y="0"/>
                    <a:pt x="0" y="4696"/>
                    <a:pt x="0" y="10800"/>
                  </a:cubicBezTo>
                  <a:cubicBezTo>
                    <a:pt x="0" y="16434"/>
                    <a:pt x="1144" y="21600"/>
                    <a:pt x="2432" y="21600"/>
                  </a:cubicBezTo>
                  <a:lnTo>
                    <a:pt x="19168" y="21600"/>
                  </a:lnTo>
                  <a:cubicBezTo>
                    <a:pt x="20456" y="21600"/>
                    <a:pt x="21600" y="16904"/>
                    <a:pt x="21600" y="10800"/>
                  </a:cubicBezTo>
                  <a:cubicBezTo>
                    <a:pt x="21600" y="4696"/>
                    <a:pt x="20599" y="0"/>
                    <a:pt x="19168" y="0"/>
                  </a:cubicBezTo>
                  <a:close/>
                </a:path>
              </a:pathLst>
            </a:custGeom>
            <a:solidFill>
              <a:sysClr val="windowText" lastClr="000000">
                <a:lumMod val="65000"/>
                <a:lumOff val="3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11" name="Shape">
              <a:extLst>
                <a:ext uri="{FF2B5EF4-FFF2-40B4-BE49-F238E27FC236}">
                  <a16:creationId xmlns:a16="http://schemas.microsoft.com/office/drawing/2014/main" id="{71D9821E-D35B-405D-BDB4-3E2C02137CB4}"/>
                </a:ext>
              </a:extLst>
            </p:cNvPr>
            <p:cNvSpPr/>
            <p:nvPr/>
          </p:nvSpPr>
          <p:spPr>
            <a:xfrm>
              <a:off x="8311513" y="2577775"/>
              <a:ext cx="39477" cy="94513"/>
            </a:xfrm>
            <a:custGeom>
              <a:avLst/>
              <a:gdLst/>
              <a:ahLst/>
              <a:cxnLst>
                <a:cxn ang="0">
                  <a:pos x="wd2" y="hd2"/>
                </a:cxn>
                <a:cxn ang="5400000">
                  <a:pos x="wd2" y="hd2"/>
                </a:cxn>
                <a:cxn ang="10800000">
                  <a:pos x="wd2" y="hd2"/>
                </a:cxn>
                <a:cxn ang="16200000">
                  <a:pos x="wd2" y="hd2"/>
                </a:cxn>
              </a:cxnLst>
              <a:rect l="0" t="0" r="r" b="b"/>
              <a:pathLst>
                <a:path w="21115" h="21118" extrusionOk="0">
                  <a:moveTo>
                    <a:pt x="16363" y="12095"/>
                  </a:moveTo>
                  <a:cubicBezTo>
                    <a:pt x="15708" y="11549"/>
                    <a:pt x="16363" y="10728"/>
                    <a:pt x="17672" y="10455"/>
                  </a:cubicBezTo>
                  <a:cubicBezTo>
                    <a:pt x="20290" y="9088"/>
                    <a:pt x="21600" y="7174"/>
                    <a:pt x="20945" y="4987"/>
                  </a:cubicBezTo>
                  <a:cubicBezTo>
                    <a:pt x="20290" y="2526"/>
                    <a:pt x="16363" y="338"/>
                    <a:pt x="11782" y="65"/>
                  </a:cubicBezTo>
                  <a:cubicBezTo>
                    <a:pt x="5237" y="-482"/>
                    <a:pt x="0" y="2526"/>
                    <a:pt x="0" y="5807"/>
                  </a:cubicBezTo>
                  <a:cubicBezTo>
                    <a:pt x="0" y="7720"/>
                    <a:pt x="1309" y="9088"/>
                    <a:pt x="3928" y="10181"/>
                  </a:cubicBezTo>
                  <a:cubicBezTo>
                    <a:pt x="4583" y="10728"/>
                    <a:pt x="5237" y="11275"/>
                    <a:pt x="5237" y="11822"/>
                  </a:cubicBezTo>
                  <a:lnTo>
                    <a:pt x="1309" y="19204"/>
                  </a:lnTo>
                  <a:cubicBezTo>
                    <a:pt x="654" y="20025"/>
                    <a:pt x="1964" y="21118"/>
                    <a:pt x="3926" y="21118"/>
                  </a:cubicBezTo>
                  <a:lnTo>
                    <a:pt x="11127" y="21118"/>
                  </a:lnTo>
                  <a:lnTo>
                    <a:pt x="18327" y="21118"/>
                  </a:lnTo>
                  <a:cubicBezTo>
                    <a:pt x="20291" y="21118"/>
                    <a:pt x="21600" y="20298"/>
                    <a:pt x="20945" y="19204"/>
                  </a:cubicBezTo>
                  <a:lnTo>
                    <a:pt x="16363" y="12095"/>
                  </a:lnTo>
                  <a:close/>
                </a:path>
              </a:pathLst>
            </a:custGeom>
            <a:solidFill>
              <a:sysClr val="windowText" lastClr="000000">
                <a:lumMod val="65000"/>
                <a:lumOff val="3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sp>
          <p:nvSpPr>
            <p:cNvPr id="12" name="Shape">
              <a:extLst>
                <a:ext uri="{FF2B5EF4-FFF2-40B4-BE49-F238E27FC236}">
                  <a16:creationId xmlns:a16="http://schemas.microsoft.com/office/drawing/2014/main" id="{6EECD6A8-1571-4024-9F16-8B4045A31E01}"/>
                </a:ext>
              </a:extLst>
            </p:cNvPr>
            <p:cNvSpPr/>
            <p:nvPr/>
          </p:nvSpPr>
          <p:spPr>
            <a:xfrm>
              <a:off x="8544017" y="2577776"/>
              <a:ext cx="44055" cy="77094"/>
            </a:xfrm>
            <a:custGeom>
              <a:avLst/>
              <a:gdLst/>
              <a:ahLst/>
              <a:cxnLst>
                <a:cxn ang="0">
                  <a:pos x="wd2" y="hd2"/>
                </a:cxn>
                <a:cxn ang="5400000">
                  <a:pos x="wd2" y="hd2"/>
                </a:cxn>
                <a:cxn ang="10800000">
                  <a:pos x="wd2" y="hd2"/>
                </a:cxn>
                <a:cxn ang="16200000">
                  <a:pos x="wd2" y="hd2"/>
                </a:cxn>
              </a:cxnLst>
              <a:rect l="0" t="0" r="r" b="b"/>
              <a:pathLst>
                <a:path w="21600" h="21600" extrusionOk="0">
                  <a:moveTo>
                    <a:pt x="10800" y="0"/>
                  </a:moveTo>
                  <a:cubicBezTo>
                    <a:pt x="4800" y="0"/>
                    <a:pt x="0" y="2400"/>
                    <a:pt x="0" y="5143"/>
                  </a:cubicBezTo>
                  <a:lnTo>
                    <a:pt x="0" y="16457"/>
                  </a:lnTo>
                  <a:cubicBezTo>
                    <a:pt x="0" y="19200"/>
                    <a:pt x="4800" y="21600"/>
                    <a:pt x="10800" y="21600"/>
                  </a:cubicBezTo>
                  <a:cubicBezTo>
                    <a:pt x="16800" y="21600"/>
                    <a:pt x="21600" y="19200"/>
                    <a:pt x="21600" y="16457"/>
                  </a:cubicBezTo>
                  <a:lnTo>
                    <a:pt x="21600" y="5143"/>
                  </a:lnTo>
                  <a:cubicBezTo>
                    <a:pt x="21599" y="2400"/>
                    <a:pt x="16800" y="0"/>
                    <a:pt x="10800" y="0"/>
                  </a:cubicBezTo>
                  <a:close/>
                </a:path>
              </a:pathLst>
            </a:custGeom>
            <a:solidFill>
              <a:sysClr val="windowText" lastClr="000000">
                <a:lumMod val="85000"/>
                <a:lumOff val="15000"/>
              </a:sysClr>
            </a:solidFill>
            <a:ln w="12700">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000" b="0" i="0" u="none" strike="noStrike" kern="0" cap="none" spc="0" normalizeH="0" baseline="0" noProof="0">
                <a:ln>
                  <a:noFill/>
                </a:ln>
                <a:solidFill>
                  <a:prstClr val="white"/>
                </a:solidFill>
                <a:effectLst/>
                <a:uLnTx/>
                <a:uFillTx/>
              </a:endParaRPr>
            </a:p>
          </p:txBody>
        </p:sp>
      </p:grpSp>
      <p:sp>
        <p:nvSpPr>
          <p:cNvPr id="27" name="TextBox 60">
            <a:extLst>
              <a:ext uri="{FF2B5EF4-FFF2-40B4-BE49-F238E27FC236}">
                <a16:creationId xmlns:a16="http://schemas.microsoft.com/office/drawing/2014/main" id="{299D01EA-1405-45A2-B1DE-43B1B5F1FB05}"/>
              </a:ext>
            </a:extLst>
          </p:cNvPr>
          <p:cNvSpPr txBox="1"/>
          <p:nvPr/>
        </p:nvSpPr>
        <p:spPr>
          <a:xfrm>
            <a:off x="9109127" y="4285930"/>
            <a:ext cx="2926080" cy="1692771"/>
          </a:xfrm>
          <a:prstGeom prst="rect">
            <a:avLst/>
          </a:prstGeom>
          <a:noFill/>
        </p:spPr>
        <p:txBody>
          <a:bodyPr wrap="square" lIns="0" rIns="0" rtlCol="0" anchor="b">
            <a:spAutoFit/>
          </a:bodyPr>
          <a:lstStyle/>
          <a:p>
            <a:pPr marL="0" marR="0" lvl="0" indent="0" defTabSz="914400" eaLnBrk="1" fontAlgn="auto" latinLnBrk="0" hangingPunct="1">
              <a:lnSpc>
                <a:spcPct val="100000"/>
              </a:lnSpc>
              <a:spcBef>
                <a:spcPts val="0"/>
              </a:spcBef>
              <a:spcAft>
                <a:spcPts val="0"/>
              </a:spcAft>
              <a:buClrTx/>
              <a:buSzTx/>
              <a:buFontTx/>
              <a:buNone/>
              <a:tabLst/>
              <a:defRPr/>
            </a:pPr>
            <a:r>
              <a:rPr kumimoji="0" lang="tr-TR" sz="3200" b="1" i="0" u="none" strike="noStrike" kern="0" cap="none" spc="0" normalizeH="0" baseline="0" noProof="1">
                <a:ln>
                  <a:noFill/>
                </a:ln>
                <a:solidFill>
                  <a:srgbClr val="C13018"/>
                </a:solidFill>
                <a:effectLst/>
                <a:uLnTx/>
                <a:uFillTx/>
              </a:rPr>
              <a:t>Farkına varmak</a:t>
            </a:r>
            <a:endParaRPr lang="tr-TR" sz="3200" b="1" kern="0" noProof="1">
              <a:solidFill>
                <a:srgbClr val="C13018"/>
              </a:solidFill>
            </a:endParaRPr>
          </a:p>
          <a:p>
            <a:pPr marL="0" marR="0" lvl="0" indent="0" algn="just" defTabSz="914400" eaLnBrk="1" fontAlgn="auto" latinLnBrk="0" hangingPunct="1">
              <a:lnSpc>
                <a:spcPct val="100000"/>
              </a:lnSpc>
              <a:spcBef>
                <a:spcPts val="0"/>
              </a:spcBef>
              <a:spcAft>
                <a:spcPts val="0"/>
              </a:spcAft>
              <a:buClrTx/>
              <a:buSzTx/>
              <a:buFontTx/>
              <a:buNone/>
              <a:tabLst/>
              <a:defRPr/>
            </a:pPr>
            <a:r>
              <a:rPr kumimoji="0" lang="tr-TR" sz="2400" i="0" u="none" strike="noStrike" kern="0" cap="none" spc="0" normalizeH="0" baseline="0" noProof="1">
                <a:ln>
                  <a:noFill/>
                </a:ln>
                <a:effectLst/>
                <a:uLnTx/>
                <a:uFillTx/>
              </a:rPr>
              <a:t>Yapılan</a:t>
            </a:r>
            <a:r>
              <a:rPr kumimoji="0" lang="tr-TR" sz="2400" i="0" u="none" strike="noStrike" kern="0" cap="none" spc="0" normalizeH="0" noProof="1">
                <a:ln>
                  <a:noFill/>
                </a:ln>
                <a:effectLst/>
                <a:uLnTx/>
                <a:uFillTx/>
              </a:rPr>
              <a:t> hatanın veya günah farkına varmak, kabul etmek</a:t>
            </a:r>
            <a:endParaRPr kumimoji="0" lang="tr-TR" sz="2400" i="0" u="none" strike="noStrike" kern="0" cap="none" spc="0" normalizeH="0" baseline="0" noProof="1">
              <a:ln>
                <a:noFill/>
              </a:ln>
              <a:effectLst/>
              <a:uLnTx/>
              <a:uFillTx/>
            </a:endParaRPr>
          </a:p>
        </p:txBody>
      </p:sp>
      <p:sp>
        <p:nvSpPr>
          <p:cNvPr id="30" name="TextBox 63">
            <a:extLst>
              <a:ext uri="{FF2B5EF4-FFF2-40B4-BE49-F238E27FC236}">
                <a16:creationId xmlns:a16="http://schemas.microsoft.com/office/drawing/2014/main" id="{EEDA1F8B-A53D-462B-9B10-10FEADB2A5CF}"/>
              </a:ext>
            </a:extLst>
          </p:cNvPr>
          <p:cNvSpPr txBox="1"/>
          <p:nvPr/>
        </p:nvSpPr>
        <p:spPr>
          <a:xfrm>
            <a:off x="326257" y="4362820"/>
            <a:ext cx="2926080" cy="1692771"/>
          </a:xfrm>
          <a:prstGeom prst="rect">
            <a:avLst/>
          </a:prstGeom>
          <a:noFill/>
        </p:spPr>
        <p:txBody>
          <a:bodyPr wrap="square" lIns="0" rIns="0" rtlCol="0" anchor="b">
            <a:spAutoFit/>
          </a:bodyPr>
          <a:lstStyle/>
          <a:p>
            <a:pPr marL="0" marR="0" lvl="0" indent="0" algn="r" defTabSz="914400" eaLnBrk="1" fontAlgn="auto" latinLnBrk="0" hangingPunct="1">
              <a:lnSpc>
                <a:spcPct val="100000"/>
              </a:lnSpc>
              <a:spcBef>
                <a:spcPts val="0"/>
              </a:spcBef>
              <a:spcAft>
                <a:spcPts val="0"/>
              </a:spcAft>
              <a:buClrTx/>
              <a:buSzTx/>
              <a:buFontTx/>
              <a:buNone/>
              <a:tabLst/>
              <a:defRPr/>
            </a:pPr>
            <a:r>
              <a:rPr kumimoji="0" lang="tr-TR" sz="3200" b="1" i="0" u="none" strike="noStrike" kern="0" cap="none" spc="0" normalizeH="0" baseline="0" noProof="1">
                <a:ln>
                  <a:noFill/>
                </a:ln>
                <a:solidFill>
                  <a:srgbClr val="F7931F">
                    <a:lumMod val="75000"/>
                  </a:srgbClr>
                </a:solidFill>
                <a:effectLst/>
                <a:uLnTx/>
                <a:uFillTx/>
              </a:rPr>
              <a:t>Pişmanlık</a:t>
            </a:r>
          </a:p>
          <a:p>
            <a:pPr marL="0" marR="0" lvl="0" indent="0" algn="r" defTabSz="914400" eaLnBrk="1" fontAlgn="auto" latinLnBrk="0" hangingPunct="1">
              <a:lnSpc>
                <a:spcPct val="100000"/>
              </a:lnSpc>
              <a:spcBef>
                <a:spcPts val="0"/>
              </a:spcBef>
              <a:spcAft>
                <a:spcPts val="0"/>
              </a:spcAft>
              <a:buClrTx/>
              <a:buSzTx/>
              <a:buFontTx/>
              <a:buNone/>
              <a:tabLst/>
              <a:defRPr/>
            </a:pPr>
            <a:r>
              <a:rPr lang="tr-TR" sz="2400" kern="0" noProof="1"/>
              <a:t>Yapılan günahtan pimanlık dumak, keşke yapmasaydım demek</a:t>
            </a:r>
            <a:endParaRPr kumimoji="0" lang="en-US" sz="2400" i="0" u="none" strike="noStrike" kern="0" cap="none" spc="0" normalizeH="0" baseline="0" noProof="1">
              <a:ln>
                <a:noFill/>
              </a:ln>
              <a:effectLst/>
              <a:uLnTx/>
              <a:uFillTx/>
            </a:endParaRPr>
          </a:p>
        </p:txBody>
      </p:sp>
      <p:sp>
        <p:nvSpPr>
          <p:cNvPr id="33" name="TextBox 66">
            <a:extLst>
              <a:ext uri="{FF2B5EF4-FFF2-40B4-BE49-F238E27FC236}">
                <a16:creationId xmlns:a16="http://schemas.microsoft.com/office/drawing/2014/main" id="{F3D5E448-9CF3-4834-8962-B7B3C706E7A4}"/>
              </a:ext>
            </a:extLst>
          </p:cNvPr>
          <p:cNvSpPr txBox="1"/>
          <p:nvPr/>
        </p:nvSpPr>
        <p:spPr>
          <a:xfrm>
            <a:off x="8926346" y="1261743"/>
            <a:ext cx="3101827" cy="1323439"/>
          </a:xfrm>
          <a:prstGeom prst="rect">
            <a:avLst/>
          </a:prstGeom>
          <a:noFill/>
        </p:spPr>
        <p:txBody>
          <a:bodyPr wrap="square" lIns="0" rIns="0" rtlCol="0" anchor="b">
            <a:spAutoFit/>
          </a:bodyPr>
          <a:lstStyle/>
          <a:p>
            <a:pPr marL="0" marR="0" lvl="0" indent="0" defTabSz="914400" eaLnBrk="1" fontAlgn="auto" latinLnBrk="0" hangingPunct="1">
              <a:lnSpc>
                <a:spcPct val="100000"/>
              </a:lnSpc>
              <a:spcBef>
                <a:spcPts val="0"/>
              </a:spcBef>
              <a:spcAft>
                <a:spcPts val="0"/>
              </a:spcAft>
              <a:buClrTx/>
              <a:buSzTx/>
              <a:buFontTx/>
              <a:buNone/>
              <a:tabLst/>
              <a:defRPr/>
            </a:pPr>
            <a:r>
              <a:rPr kumimoji="0" lang="tr-TR" sz="3200" b="1" i="0" u="none" strike="noStrike" kern="0" cap="none" spc="0" normalizeH="0" baseline="0" noProof="1">
                <a:ln>
                  <a:noFill/>
                </a:ln>
                <a:solidFill>
                  <a:srgbClr val="FFCC4C">
                    <a:lumMod val="75000"/>
                  </a:srgbClr>
                </a:solidFill>
                <a:effectLst/>
                <a:uLnTx/>
                <a:uFillTx/>
              </a:rPr>
              <a:t>Af dilemek</a:t>
            </a:r>
          </a:p>
          <a:p>
            <a:pPr marL="0" marR="0" lvl="0" indent="0" defTabSz="914400" eaLnBrk="1" fontAlgn="auto" latinLnBrk="0" hangingPunct="1">
              <a:lnSpc>
                <a:spcPct val="100000"/>
              </a:lnSpc>
              <a:spcBef>
                <a:spcPts val="0"/>
              </a:spcBef>
              <a:spcAft>
                <a:spcPts val="0"/>
              </a:spcAft>
              <a:buClrTx/>
              <a:buSzTx/>
              <a:buFontTx/>
              <a:buNone/>
              <a:tabLst/>
              <a:defRPr/>
            </a:pPr>
            <a:r>
              <a:rPr lang="tr-TR" sz="2400" kern="0" noProof="1"/>
              <a:t>Allah’tan af dilemek, istiğfar etmek</a:t>
            </a:r>
            <a:endParaRPr kumimoji="0" lang="en-US" sz="2400" i="0" u="none" strike="noStrike" kern="0" cap="none" spc="0" normalizeH="0" baseline="0" noProof="1">
              <a:ln>
                <a:noFill/>
              </a:ln>
              <a:effectLst/>
              <a:uLnTx/>
              <a:uFillTx/>
            </a:endParaRPr>
          </a:p>
        </p:txBody>
      </p:sp>
      <p:sp>
        <p:nvSpPr>
          <p:cNvPr id="36" name="TextBox 69">
            <a:extLst>
              <a:ext uri="{FF2B5EF4-FFF2-40B4-BE49-F238E27FC236}">
                <a16:creationId xmlns:a16="http://schemas.microsoft.com/office/drawing/2014/main" id="{4C3AAC68-5B53-4FE3-99ED-0946F8FF1078}"/>
              </a:ext>
            </a:extLst>
          </p:cNvPr>
          <p:cNvSpPr txBox="1"/>
          <p:nvPr/>
        </p:nvSpPr>
        <p:spPr>
          <a:xfrm>
            <a:off x="342337" y="1171864"/>
            <a:ext cx="3646451" cy="2062103"/>
          </a:xfrm>
          <a:prstGeom prst="rect">
            <a:avLst/>
          </a:prstGeom>
          <a:noFill/>
        </p:spPr>
        <p:txBody>
          <a:bodyPr wrap="square" lIns="0" rIns="0" rtlCol="0" anchor="b">
            <a:spAutoFit/>
          </a:bodyPr>
          <a:lstStyle/>
          <a:p>
            <a:pPr marL="0" marR="0" lvl="0" indent="0" algn="r" defTabSz="914400" eaLnBrk="1" fontAlgn="auto" latinLnBrk="0" hangingPunct="1">
              <a:lnSpc>
                <a:spcPct val="100000"/>
              </a:lnSpc>
              <a:spcBef>
                <a:spcPts val="0"/>
              </a:spcBef>
              <a:spcAft>
                <a:spcPts val="0"/>
              </a:spcAft>
              <a:buClrTx/>
              <a:buSzTx/>
              <a:buFontTx/>
              <a:buNone/>
              <a:tabLst/>
              <a:defRPr/>
            </a:pPr>
            <a:r>
              <a:rPr kumimoji="0" lang="tr-TR" sz="3200" b="1" i="0" u="none" strike="noStrike" kern="0" cap="none" spc="0" normalizeH="0" baseline="0" noProof="1">
                <a:ln>
                  <a:noFill/>
                </a:ln>
                <a:solidFill>
                  <a:srgbClr val="A2B969">
                    <a:lumMod val="75000"/>
                  </a:srgbClr>
                </a:solidFill>
                <a:effectLst/>
                <a:uLnTx/>
                <a:uFillTx/>
              </a:rPr>
              <a:t>Bir Daha yapmamak</a:t>
            </a:r>
          </a:p>
          <a:p>
            <a:pPr marL="0" marR="0" lvl="0" indent="0" algn="r" defTabSz="914400" eaLnBrk="1" fontAlgn="auto" latinLnBrk="0" hangingPunct="1">
              <a:lnSpc>
                <a:spcPct val="100000"/>
              </a:lnSpc>
              <a:spcBef>
                <a:spcPts val="0"/>
              </a:spcBef>
              <a:spcAft>
                <a:spcPts val="0"/>
              </a:spcAft>
              <a:buClrTx/>
              <a:buSzTx/>
              <a:buFontTx/>
              <a:buNone/>
              <a:tabLst/>
              <a:defRPr/>
            </a:pPr>
            <a:r>
              <a:rPr lang="tr-TR" sz="2400" kern="0" noProof="1"/>
              <a:t>Yapılan günahı bir daha yapmamaya gayret etmek, günah fiillerden uzak durup iyi işler yapmak</a:t>
            </a:r>
            <a:endParaRPr kumimoji="0" lang="en-US" sz="2400" i="0" u="none" strike="noStrike" kern="0" cap="none" spc="0" normalizeH="0" baseline="0" noProof="1">
              <a:ln>
                <a:noFill/>
              </a:ln>
              <a:effectLst/>
              <a:uLnTx/>
              <a:uFillTx/>
            </a:endParaRPr>
          </a:p>
        </p:txBody>
      </p:sp>
      <p:sp>
        <p:nvSpPr>
          <p:cNvPr id="38" name="Title 1">
            <a:extLst>
              <a:ext uri="{FF2B5EF4-FFF2-40B4-BE49-F238E27FC236}">
                <a16:creationId xmlns:a16="http://schemas.microsoft.com/office/drawing/2014/main" id="{2C2BFAE1-45D3-4B3B-81D2-0BF25FA84FB8}"/>
              </a:ext>
            </a:extLst>
          </p:cNvPr>
          <p:cNvSpPr txBox="1">
            <a:spLocks/>
          </p:cNvSpPr>
          <p:nvPr/>
        </p:nvSpPr>
        <p:spPr>
          <a:xfrm>
            <a:off x="3268417" y="42553"/>
            <a:ext cx="5956375" cy="739056"/>
          </a:xfrm>
          <a:prstGeom prst="rect">
            <a:avLst/>
          </a:prstGeom>
        </p:spPr>
        <p:txBody>
          <a:bodyPr rIns="0">
            <a:normAutofit/>
          </a:bodyPr>
          <a:lstStyle>
            <a:lvl1pPr algn="l" defTabSz="914400" rtl="0" eaLnBrk="1" latinLnBrk="0" hangingPunct="1">
              <a:lnSpc>
                <a:spcPct val="90000"/>
              </a:lnSpc>
              <a:spcBef>
                <a:spcPct val="0"/>
              </a:spcBef>
              <a:buNone/>
              <a:defRPr lang="en-US" sz="3600" b="1" kern="1200">
                <a:solidFill>
                  <a:schemeClr val="tx1"/>
                </a:solidFill>
                <a:latin typeface="Helvetica" panose="020B0500000000000000" pitchFamily="34" charset="0"/>
                <a:ea typeface="+mj-ea"/>
                <a:cs typeface="+mj-cs"/>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tr-TR" b="1" i="0" u="none" strike="noStrike" kern="1200" cap="none" spc="0" normalizeH="0" baseline="0" noProof="0" dirty="0">
                <a:ln>
                  <a:noFill/>
                </a:ln>
                <a:solidFill>
                  <a:sysClr val="windowText" lastClr="000000"/>
                </a:solidFill>
                <a:effectLst/>
                <a:uLnTx/>
                <a:uFillTx/>
                <a:latin typeface="+mn-lt"/>
                <a:ea typeface="+mj-ea"/>
                <a:cs typeface="+mj-cs"/>
              </a:rPr>
              <a:t>Tövbe ve İstiğfar Aşamaları </a:t>
            </a:r>
          </a:p>
        </p:txBody>
      </p:sp>
      <p:sp>
        <p:nvSpPr>
          <p:cNvPr id="39" name="Dikdörtgen 38"/>
          <p:cNvSpPr/>
          <p:nvPr/>
        </p:nvSpPr>
        <p:spPr>
          <a:xfrm>
            <a:off x="4947754" y="5795746"/>
            <a:ext cx="2481320" cy="523220"/>
          </a:xfrm>
          <a:prstGeom prst="rect">
            <a:avLst/>
          </a:prstGeom>
        </p:spPr>
        <p:txBody>
          <a:bodyPr wrap="none">
            <a:spAutoFit/>
          </a:bodyPr>
          <a:lstStyle/>
          <a:p>
            <a:r>
              <a:rPr lang="tr-TR" sz="2800" dirty="0">
                <a:solidFill>
                  <a:schemeClr val="bg1"/>
                </a:solidFill>
              </a:rPr>
              <a:t>Farkına  varmak</a:t>
            </a:r>
          </a:p>
        </p:txBody>
      </p:sp>
      <p:sp>
        <p:nvSpPr>
          <p:cNvPr id="40" name="Dikdörtgen 39"/>
          <p:cNvSpPr/>
          <p:nvPr/>
        </p:nvSpPr>
        <p:spPr>
          <a:xfrm>
            <a:off x="5283234" y="5116241"/>
            <a:ext cx="1617751" cy="523220"/>
          </a:xfrm>
          <a:prstGeom prst="rect">
            <a:avLst/>
          </a:prstGeom>
        </p:spPr>
        <p:txBody>
          <a:bodyPr wrap="none">
            <a:spAutoFit/>
          </a:bodyPr>
          <a:lstStyle/>
          <a:p>
            <a:pPr lvl="0" algn="ctr">
              <a:defRPr sz="3000">
                <a:solidFill>
                  <a:srgbClr val="FFFFFF"/>
                </a:solidFill>
              </a:defRPr>
            </a:pPr>
            <a:r>
              <a:rPr lang="tr-TR" sz="2800" b="1" kern="0" dirty="0">
                <a:solidFill>
                  <a:prstClr val="black">
                    <a:lumMod val="85000"/>
                    <a:lumOff val="15000"/>
                  </a:prstClr>
                </a:solidFill>
              </a:rPr>
              <a:t>Pişmanlık</a:t>
            </a:r>
          </a:p>
        </p:txBody>
      </p:sp>
      <p:sp>
        <p:nvSpPr>
          <p:cNvPr id="41" name="Dikdörtgen 40"/>
          <p:cNvSpPr/>
          <p:nvPr/>
        </p:nvSpPr>
        <p:spPr>
          <a:xfrm>
            <a:off x="5106904" y="4485656"/>
            <a:ext cx="1794081" cy="523220"/>
          </a:xfrm>
          <a:prstGeom prst="rect">
            <a:avLst/>
          </a:prstGeom>
        </p:spPr>
        <p:txBody>
          <a:bodyPr wrap="none">
            <a:spAutoFit/>
          </a:bodyPr>
          <a:lstStyle/>
          <a:p>
            <a:pPr lvl="0" algn="ctr">
              <a:defRPr sz="3000">
                <a:solidFill>
                  <a:srgbClr val="FFFFFF"/>
                </a:solidFill>
              </a:defRPr>
            </a:pPr>
            <a:r>
              <a:rPr lang="tr-TR" sz="2800" b="1" kern="0" dirty="0">
                <a:solidFill>
                  <a:prstClr val="black">
                    <a:lumMod val="85000"/>
                    <a:lumOff val="15000"/>
                  </a:prstClr>
                </a:solidFill>
              </a:rPr>
              <a:t>Af dilemek</a:t>
            </a:r>
          </a:p>
        </p:txBody>
      </p:sp>
      <p:sp>
        <p:nvSpPr>
          <p:cNvPr id="42" name="Dikdörtgen 41"/>
          <p:cNvSpPr/>
          <p:nvPr/>
        </p:nvSpPr>
        <p:spPr>
          <a:xfrm>
            <a:off x="4730618" y="3784593"/>
            <a:ext cx="2730235" cy="461665"/>
          </a:xfrm>
          <a:prstGeom prst="rect">
            <a:avLst/>
          </a:prstGeom>
        </p:spPr>
        <p:txBody>
          <a:bodyPr wrap="none">
            <a:spAutoFit/>
          </a:bodyPr>
          <a:lstStyle/>
          <a:p>
            <a:pPr lvl="0" algn="ctr">
              <a:defRPr sz="3000">
                <a:solidFill>
                  <a:srgbClr val="FFFFFF"/>
                </a:solidFill>
              </a:defRPr>
            </a:pPr>
            <a:r>
              <a:rPr lang="tr-TR" sz="2400" b="1" kern="0" dirty="0">
                <a:solidFill>
                  <a:prstClr val="black">
                    <a:lumMod val="85000"/>
                    <a:lumOff val="15000"/>
                  </a:prstClr>
                </a:solidFill>
              </a:rPr>
              <a:t>Bir daha yapmamak</a:t>
            </a:r>
          </a:p>
        </p:txBody>
      </p:sp>
    </p:spTree>
    <p:custDataLst>
      <p:tags r:id="rId1"/>
    </p:custDataLst>
    <p:extLst>
      <p:ext uri="{BB962C8B-B14F-4D97-AF65-F5344CB8AC3E}">
        <p14:creationId xmlns:p14="http://schemas.microsoft.com/office/powerpoint/2010/main" val="34743754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9"/>
                                        </p:tgtEl>
                                        <p:attrNameLst>
                                          <p:attrName>style.visibility</p:attrName>
                                        </p:attrNameLst>
                                      </p:cBhvr>
                                      <p:to>
                                        <p:strVal val="visible"/>
                                      </p:to>
                                    </p:set>
                                    <p:animEffect transition="in" filter="wipe(left)">
                                      <p:cBhvr>
                                        <p:cTn id="7" dur="500"/>
                                        <p:tgtEl>
                                          <p:spTgt spid="39"/>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40"/>
                                        </p:tgtEl>
                                        <p:attrNameLst>
                                          <p:attrName>style.visibility</p:attrName>
                                        </p:attrNameLst>
                                      </p:cBhvr>
                                      <p:to>
                                        <p:strVal val="visible"/>
                                      </p:to>
                                    </p:set>
                                    <p:animEffect transition="in" filter="wipe(left)">
                                      <p:cBhvr>
                                        <p:cTn id="12" dur="500"/>
                                        <p:tgtEl>
                                          <p:spTgt spid="40"/>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41"/>
                                        </p:tgtEl>
                                        <p:attrNameLst>
                                          <p:attrName>style.visibility</p:attrName>
                                        </p:attrNameLst>
                                      </p:cBhvr>
                                      <p:to>
                                        <p:strVal val="visible"/>
                                      </p:to>
                                    </p:set>
                                    <p:animEffect transition="in" filter="wipe(left)">
                                      <p:cBhvr>
                                        <p:cTn id="17" dur="500"/>
                                        <p:tgtEl>
                                          <p:spTgt spid="41"/>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42"/>
                                        </p:tgtEl>
                                        <p:attrNameLst>
                                          <p:attrName>style.visibility</p:attrName>
                                        </p:attrNameLst>
                                      </p:cBhvr>
                                      <p:to>
                                        <p:strVal val="visible"/>
                                      </p:to>
                                    </p:set>
                                    <p:animEffect transition="in" filter="wipe(left)">
                                      <p:cBhvr>
                                        <p:cTn id="22" dur="500"/>
                                        <p:tgtEl>
                                          <p:spTgt spid="42"/>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8" fill="hold" grpId="0" nodeType="clickEffect">
                                  <p:stCondLst>
                                    <p:cond delay="0"/>
                                  </p:stCondLst>
                                  <p:childTnLst>
                                    <p:set>
                                      <p:cBhvr>
                                        <p:cTn id="26" dur="1" fill="hold">
                                          <p:stCondLst>
                                            <p:cond delay="0"/>
                                          </p:stCondLst>
                                        </p:cTn>
                                        <p:tgtEl>
                                          <p:spTgt spid="27"/>
                                        </p:tgtEl>
                                        <p:attrNameLst>
                                          <p:attrName>style.visibility</p:attrName>
                                        </p:attrNameLst>
                                      </p:cBhvr>
                                      <p:to>
                                        <p:strVal val="visible"/>
                                      </p:to>
                                    </p:set>
                                    <p:animEffect transition="in" filter="wipe(left)">
                                      <p:cBhvr>
                                        <p:cTn id="27" dur="500"/>
                                        <p:tgtEl>
                                          <p:spTgt spid="27"/>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2" fill="hold" grpId="0" nodeType="clickEffect">
                                  <p:stCondLst>
                                    <p:cond delay="0"/>
                                  </p:stCondLst>
                                  <p:childTnLst>
                                    <p:set>
                                      <p:cBhvr>
                                        <p:cTn id="31" dur="1" fill="hold">
                                          <p:stCondLst>
                                            <p:cond delay="0"/>
                                          </p:stCondLst>
                                        </p:cTn>
                                        <p:tgtEl>
                                          <p:spTgt spid="30"/>
                                        </p:tgtEl>
                                        <p:attrNameLst>
                                          <p:attrName>style.visibility</p:attrName>
                                        </p:attrNameLst>
                                      </p:cBhvr>
                                      <p:to>
                                        <p:strVal val="visible"/>
                                      </p:to>
                                    </p:set>
                                    <p:animEffect transition="in" filter="wipe(right)">
                                      <p:cBhvr>
                                        <p:cTn id="32" dur="500"/>
                                        <p:tgtEl>
                                          <p:spTgt spid="30"/>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8" fill="hold" grpId="0" nodeType="clickEffect">
                                  <p:stCondLst>
                                    <p:cond delay="0"/>
                                  </p:stCondLst>
                                  <p:childTnLst>
                                    <p:set>
                                      <p:cBhvr>
                                        <p:cTn id="36" dur="1" fill="hold">
                                          <p:stCondLst>
                                            <p:cond delay="0"/>
                                          </p:stCondLst>
                                        </p:cTn>
                                        <p:tgtEl>
                                          <p:spTgt spid="33"/>
                                        </p:tgtEl>
                                        <p:attrNameLst>
                                          <p:attrName>style.visibility</p:attrName>
                                        </p:attrNameLst>
                                      </p:cBhvr>
                                      <p:to>
                                        <p:strVal val="visible"/>
                                      </p:to>
                                    </p:set>
                                    <p:animEffect transition="in" filter="wipe(left)">
                                      <p:cBhvr>
                                        <p:cTn id="37" dur="500"/>
                                        <p:tgtEl>
                                          <p:spTgt spid="33"/>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2" fill="hold" grpId="0" nodeType="clickEffect">
                                  <p:stCondLst>
                                    <p:cond delay="0"/>
                                  </p:stCondLst>
                                  <p:childTnLst>
                                    <p:set>
                                      <p:cBhvr>
                                        <p:cTn id="41" dur="1" fill="hold">
                                          <p:stCondLst>
                                            <p:cond delay="0"/>
                                          </p:stCondLst>
                                        </p:cTn>
                                        <p:tgtEl>
                                          <p:spTgt spid="36"/>
                                        </p:tgtEl>
                                        <p:attrNameLst>
                                          <p:attrName>style.visibility</p:attrName>
                                        </p:attrNameLst>
                                      </p:cBhvr>
                                      <p:to>
                                        <p:strVal val="visible"/>
                                      </p:to>
                                    </p:set>
                                    <p:animEffect transition="in" filter="wipe(right)">
                                      <p:cBhvr>
                                        <p:cTn id="42" dur="500"/>
                                        <p:tgtEl>
                                          <p:spTgt spid="3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7" grpId="0"/>
      <p:bldP spid="30" grpId="0"/>
      <p:bldP spid="33" grpId="0"/>
      <p:bldP spid="36" grpId="0"/>
      <p:bldP spid="39" grpId="0"/>
      <p:bldP spid="40" grpId="0"/>
      <p:bldP spid="41" grpId="0"/>
      <p:bldP spid="42" grpId="0"/>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Resim 1"/>
          <p:cNvPicPr>
            <a:picLocks noChangeAspect="1"/>
          </p:cNvPicPr>
          <p:nvPr/>
        </p:nvPicPr>
        <p:blipFill rotWithShape="1">
          <a:blip r:embed="rId4"/>
          <a:srcRect l="43746" b="295"/>
          <a:stretch/>
        </p:blipFill>
        <p:spPr>
          <a:xfrm>
            <a:off x="7629993" y="647447"/>
            <a:ext cx="4433451" cy="5423569"/>
          </a:xfrm>
          <a:prstGeom prst="rect">
            <a:avLst/>
          </a:prstGeom>
        </p:spPr>
      </p:pic>
      <p:sp>
        <p:nvSpPr>
          <p:cNvPr id="3" name="Dikdörtgen 2"/>
          <p:cNvSpPr/>
          <p:nvPr/>
        </p:nvSpPr>
        <p:spPr>
          <a:xfrm>
            <a:off x="105747" y="647447"/>
            <a:ext cx="7299394" cy="954107"/>
          </a:xfrm>
          <a:prstGeom prst="rect">
            <a:avLst/>
          </a:prstGeom>
          <a:solidFill>
            <a:schemeClr val="accent4">
              <a:lumMod val="60000"/>
              <a:lumOff val="40000"/>
            </a:schemeClr>
          </a:solidFill>
        </p:spPr>
        <p:txBody>
          <a:bodyPr wrap="square">
            <a:spAutoFit/>
          </a:bodyPr>
          <a:lstStyle/>
          <a:p>
            <a:pPr marL="457200" indent="-457200">
              <a:buFont typeface="Wingdings" panose="05000000000000000000" pitchFamily="2" charset="2"/>
              <a:buChar char="Ø"/>
            </a:pPr>
            <a:r>
              <a:rPr lang="tr-TR" sz="2800" dirty="0"/>
              <a:t>İnsan zaman zaman yanlış tercihler yapmakta; hata, kusur ve günah işlemektedir. </a:t>
            </a:r>
          </a:p>
        </p:txBody>
      </p:sp>
      <p:sp>
        <p:nvSpPr>
          <p:cNvPr id="5" name="Dikdörtgen 4"/>
          <p:cNvSpPr/>
          <p:nvPr/>
        </p:nvSpPr>
        <p:spPr>
          <a:xfrm>
            <a:off x="105747" y="2451290"/>
            <a:ext cx="7299394" cy="1384995"/>
          </a:xfrm>
          <a:prstGeom prst="rect">
            <a:avLst/>
          </a:prstGeom>
          <a:solidFill>
            <a:schemeClr val="accent1">
              <a:lumMod val="60000"/>
              <a:lumOff val="40000"/>
            </a:schemeClr>
          </a:solidFill>
        </p:spPr>
        <p:txBody>
          <a:bodyPr wrap="square">
            <a:spAutoFit/>
          </a:bodyPr>
          <a:lstStyle/>
          <a:p>
            <a:pPr marL="457200" indent="-457200">
              <a:buFont typeface="Wingdings" panose="05000000000000000000" pitchFamily="2" charset="2"/>
              <a:buChar char="Ø"/>
            </a:pPr>
            <a:r>
              <a:rPr lang="tr-TR" sz="2800" dirty="0"/>
              <a:t>İnsan hata ve günah işlediğinde , ruhunun derinliklerinde acılar hisseder, sığınılacak bir merci arar.</a:t>
            </a:r>
          </a:p>
        </p:txBody>
      </p:sp>
      <p:sp>
        <p:nvSpPr>
          <p:cNvPr id="6" name="Dikdörtgen 5"/>
          <p:cNvSpPr/>
          <p:nvPr/>
        </p:nvSpPr>
        <p:spPr>
          <a:xfrm>
            <a:off x="105747" y="4686021"/>
            <a:ext cx="7244226" cy="1384995"/>
          </a:xfrm>
          <a:prstGeom prst="rect">
            <a:avLst/>
          </a:prstGeom>
          <a:solidFill>
            <a:schemeClr val="accent6">
              <a:lumMod val="40000"/>
              <a:lumOff val="60000"/>
            </a:schemeClr>
          </a:solidFill>
        </p:spPr>
        <p:txBody>
          <a:bodyPr wrap="square">
            <a:spAutoFit/>
          </a:bodyPr>
          <a:lstStyle/>
          <a:p>
            <a:pPr marL="457200" indent="-457200">
              <a:buFont typeface="Wingdings" panose="05000000000000000000" pitchFamily="2" charset="2"/>
              <a:buChar char="Ø"/>
            </a:pPr>
            <a:r>
              <a:rPr lang="tr-TR" sz="2800" dirty="0"/>
              <a:t>Böyle durumlarda insan hemen Rabbiyle tövbe ile irtibat kurmalı, Rabbinin affediciliğine sığınmalıdır.</a:t>
            </a:r>
          </a:p>
        </p:txBody>
      </p:sp>
    </p:spTree>
    <p:custDataLst>
      <p:tags r:id="rId1"/>
    </p:custDataLst>
    <p:extLst>
      <p:ext uri="{BB962C8B-B14F-4D97-AF65-F5344CB8AC3E}">
        <p14:creationId xmlns:p14="http://schemas.microsoft.com/office/powerpoint/2010/main" val="30968252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down)">
                                      <p:cBhvr>
                                        <p:cTn id="7" dur="500"/>
                                        <p:tgtEl>
                                          <p:spTgt spid="3"/>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2"/>
                                        </p:tgtEl>
                                        <p:attrNameLst>
                                          <p:attrName>style.visibility</p:attrName>
                                        </p:attrNameLst>
                                      </p:cBhvr>
                                      <p:to>
                                        <p:strVal val="visible"/>
                                      </p:to>
                                    </p:set>
                                    <p:animEffect transition="in" filter="wipe(down)">
                                      <p:cBhvr>
                                        <p:cTn id="11" dur="500"/>
                                        <p:tgtEl>
                                          <p:spTgt spid="2"/>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5"/>
                                        </p:tgtEl>
                                        <p:attrNameLst>
                                          <p:attrName>style.visibility</p:attrName>
                                        </p:attrNameLst>
                                      </p:cBhvr>
                                      <p:to>
                                        <p:strVal val="visible"/>
                                      </p:to>
                                    </p:set>
                                    <p:animEffect transition="in" filter="wipe(left)">
                                      <p:cBhvr>
                                        <p:cTn id="16" dur="500"/>
                                        <p:tgtEl>
                                          <p:spTgt spid="5"/>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grpId="0" nodeType="clickEffect">
                                  <p:stCondLst>
                                    <p:cond delay="0"/>
                                  </p:stCondLst>
                                  <p:childTnLst>
                                    <p:set>
                                      <p:cBhvr>
                                        <p:cTn id="20" dur="1" fill="hold">
                                          <p:stCondLst>
                                            <p:cond delay="0"/>
                                          </p:stCondLst>
                                        </p:cTn>
                                        <p:tgtEl>
                                          <p:spTgt spid="6"/>
                                        </p:tgtEl>
                                        <p:attrNameLst>
                                          <p:attrName>style.visibility</p:attrName>
                                        </p:attrNameLst>
                                      </p:cBhvr>
                                      <p:to>
                                        <p:strVal val="visible"/>
                                      </p:to>
                                    </p:set>
                                    <p:animEffect transition="in" filter="wipe(left)">
                                      <p:cBhvr>
                                        <p:cTn id="21"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5" grpId="0" animBg="1"/>
      <p:bldP spid="6" grpId="0" animBg="1"/>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Sola Bükülü Ok 6"/>
          <p:cNvSpPr/>
          <p:nvPr/>
        </p:nvSpPr>
        <p:spPr>
          <a:xfrm>
            <a:off x="10613148" y="3942578"/>
            <a:ext cx="1438943" cy="2358657"/>
          </a:xfrm>
          <a:prstGeom prst="curvedLeftArrow">
            <a:avLst>
              <a:gd name="adj1" fmla="val 18203"/>
              <a:gd name="adj2" fmla="val 50000"/>
              <a:gd name="adj3" fmla="val 25000"/>
            </a:avLst>
          </a:prstGeom>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맑은 고딕"/>
              <a:cs typeface="+mn-cs"/>
            </a:endParaRPr>
          </a:p>
        </p:txBody>
      </p:sp>
      <p:sp>
        <p:nvSpPr>
          <p:cNvPr id="2" name="Rectangle 18">
            <a:extLst>
              <a:ext uri="{FF2B5EF4-FFF2-40B4-BE49-F238E27FC236}">
                <a16:creationId xmlns:a16="http://schemas.microsoft.com/office/drawing/2014/main" id="{B0812D6B-BF97-4848-A313-604C17019E6A}"/>
              </a:ext>
            </a:extLst>
          </p:cNvPr>
          <p:cNvSpPr/>
          <p:nvPr/>
        </p:nvSpPr>
        <p:spPr>
          <a:xfrm>
            <a:off x="4883651" y="779489"/>
            <a:ext cx="7308349" cy="4512039"/>
          </a:xfrm>
          <a:prstGeom prst="rect">
            <a:avLst/>
          </a:prstGeom>
          <a:solidFill>
            <a:srgbClr val="5B9BD5">
              <a:lumMod val="40000"/>
              <a:lumOff val="60000"/>
            </a:srgbClr>
          </a:solidFill>
          <a:ln w="12700" cap="flat" cmpd="sng" algn="ctr">
            <a:noFill/>
            <a:prstDash val="solid"/>
            <a:miter lim="800000"/>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0" cap="none" spc="0" normalizeH="0" baseline="0" noProof="0" dirty="0">
              <a:ln>
                <a:noFill/>
              </a:ln>
              <a:solidFill>
                <a:prstClr val="white"/>
              </a:solidFill>
              <a:effectLst>
                <a:outerShdw blurRad="38100" dist="38100" dir="2700000" algn="tl">
                  <a:srgbClr val="000000">
                    <a:alpha val="43137"/>
                  </a:srgbClr>
                </a:outerShdw>
              </a:effectLst>
              <a:uLnTx/>
              <a:uFillTx/>
              <a:latin typeface="Calibri" panose="020F0502020204030204"/>
              <a:ea typeface="맑은 고딕"/>
              <a:cs typeface="+mn-cs"/>
            </a:endParaRPr>
          </a:p>
        </p:txBody>
      </p:sp>
      <p:grpSp>
        <p:nvGrpSpPr>
          <p:cNvPr id="3" name="Group 81">
            <a:extLst>
              <a:ext uri="{FF2B5EF4-FFF2-40B4-BE49-F238E27FC236}">
                <a16:creationId xmlns:a16="http://schemas.microsoft.com/office/drawing/2014/main" id="{448F8F48-CF04-4057-A9C5-91ECFDCE3BA1}"/>
              </a:ext>
            </a:extLst>
          </p:cNvPr>
          <p:cNvGrpSpPr/>
          <p:nvPr/>
        </p:nvGrpSpPr>
        <p:grpSpPr>
          <a:xfrm>
            <a:off x="5127563" y="1311648"/>
            <a:ext cx="6820523" cy="3500195"/>
            <a:chOff x="4175083" y="4107135"/>
            <a:chExt cx="1544994" cy="408227"/>
          </a:xfrm>
        </p:grpSpPr>
        <p:sp>
          <p:nvSpPr>
            <p:cNvPr id="5" name="Rectangle 83">
              <a:extLst>
                <a:ext uri="{FF2B5EF4-FFF2-40B4-BE49-F238E27FC236}">
                  <a16:creationId xmlns:a16="http://schemas.microsoft.com/office/drawing/2014/main" id="{21A7A64B-CB56-4E42-8B5A-4F68F361B0D1}"/>
                </a:ext>
              </a:extLst>
            </p:cNvPr>
            <p:cNvSpPr/>
            <p:nvPr/>
          </p:nvSpPr>
          <p:spPr>
            <a:xfrm>
              <a:off x="4175083" y="4107135"/>
              <a:ext cx="1544994" cy="408227"/>
            </a:xfrm>
            <a:prstGeom prst="rect">
              <a:avLst/>
            </a:prstGeom>
            <a:solidFill>
              <a:srgbClr val="E7F150"/>
            </a:solidFill>
            <a:ln w="12700" cap="flat" cmpd="sng" algn="ctr">
              <a:noFill/>
              <a:prstDash val="solid"/>
              <a:miter lim="800000"/>
            </a:ln>
            <a:effectLst/>
          </p:spPr>
          <p:txBody>
            <a:bodyPr rtlCol="0" anchor="ctr"/>
            <a:lstStyle/>
            <a:p>
              <a:pPr lvl="2" algn="just">
                <a:defRPr/>
              </a:pPr>
              <a:r>
                <a:rPr lang="tr-TR" sz="3200" kern="0" noProof="1">
                  <a:solidFill>
                    <a:prstClr val="black"/>
                  </a:solidFill>
                  <a:latin typeface="Calibri" panose="020F0502020204030204"/>
                </a:rPr>
                <a:t>“Her kim de işlediği zulmün arkasından tövbe edip durumunu düzeltirse kuşkusuz Allah onun tövbesini kabul eder. Şüphesiz Allah çok bağışlayandır, çok merhamet edendir.”</a:t>
              </a:r>
            </a:p>
            <a:p>
              <a:pPr lvl="2" algn="r">
                <a:defRPr/>
              </a:pPr>
              <a:r>
                <a:rPr lang="tr-TR" sz="2400" dirty="0"/>
                <a:t>Mâide suresi, 39. ayeti</a:t>
              </a:r>
              <a:endParaRPr lang="tr-TR" sz="2400" kern="0" noProof="1">
                <a:solidFill>
                  <a:prstClr val="black"/>
                </a:solidFill>
                <a:latin typeface="Calibri" panose="020F0502020204030204"/>
              </a:endParaRPr>
            </a:p>
          </p:txBody>
        </p:sp>
        <p:sp>
          <p:nvSpPr>
            <p:cNvPr id="6" name="Rectangle 84">
              <a:extLst>
                <a:ext uri="{FF2B5EF4-FFF2-40B4-BE49-F238E27FC236}">
                  <a16:creationId xmlns:a16="http://schemas.microsoft.com/office/drawing/2014/main" id="{BAE4A658-CB7A-4570-B942-DCBDDDCAAD0A}"/>
                </a:ext>
              </a:extLst>
            </p:cNvPr>
            <p:cNvSpPr/>
            <p:nvPr/>
          </p:nvSpPr>
          <p:spPr>
            <a:xfrm rot="16200000">
              <a:off x="4047678" y="4234540"/>
              <a:ext cx="408227" cy="153417"/>
            </a:xfrm>
            <a:prstGeom prst="rect">
              <a:avLst/>
            </a:prstGeom>
            <a:solidFill>
              <a:sysClr val="windowText" lastClr="000000">
                <a:alpha val="7000"/>
              </a:sysClr>
            </a:solidFill>
            <a:ln w="12700" cap="flat" cmpd="sng" algn="ctr">
              <a:noFill/>
              <a:prstDash val="solid"/>
              <a:miter lim="800000"/>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0" cap="none" spc="0" normalizeH="0" baseline="0" noProof="0">
                <a:ln>
                  <a:noFill/>
                </a:ln>
                <a:solidFill>
                  <a:prstClr val="white"/>
                </a:solidFill>
                <a:effectLst/>
                <a:uLnTx/>
                <a:uFillTx/>
                <a:latin typeface="Calibri" panose="020F0502020204030204"/>
                <a:ea typeface="맑은 고딕"/>
                <a:cs typeface="+mn-cs"/>
              </a:endParaRPr>
            </a:p>
          </p:txBody>
        </p:sp>
      </p:grpSp>
      <p:sp>
        <p:nvSpPr>
          <p:cNvPr id="8" name="Yuvarlatılmış Dikdörtgen 7"/>
          <p:cNvSpPr/>
          <p:nvPr/>
        </p:nvSpPr>
        <p:spPr>
          <a:xfrm>
            <a:off x="4883650" y="5463926"/>
            <a:ext cx="5573421" cy="930442"/>
          </a:xfrm>
          <a:prstGeom prst="roundRect">
            <a:avLst/>
          </a:prstGeom>
          <a:solidFill>
            <a:schemeClr val="accent1">
              <a:lumMod val="60000"/>
              <a:lumOff val="40000"/>
            </a:schemeClr>
          </a:solidFill>
          <a:ln w="3810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맑은 고딕"/>
                <a:cs typeface="+mn-cs"/>
              </a:rPr>
              <a:t>Verilen ayetlerin ana fikri nedir?</a:t>
            </a:r>
          </a:p>
        </p:txBody>
      </p:sp>
      <p:pic>
        <p:nvPicPr>
          <p:cNvPr id="1028" name="Picture 4" descr="Kur'an-ı Kerim - İnsan Dergisi, Okumak nefes almaktır"/>
          <p:cNvPicPr>
            <a:picLocks noChangeAspect="1" noChangeArrowheads="1"/>
          </p:cNvPicPr>
          <p:nvPr/>
        </p:nvPicPr>
        <p:blipFill rotWithShape="1">
          <a:blip r:embed="rId4">
            <a:extLst>
              <a:ext uri="{28A0092B-C50C-407E-A947-70E740481C1C}">
                <a14:useLocalDpi xmlns:a14="http://schemas.microsoft.com/office/drawing/2010/main" val="0"/>
              </a:ext>
            </a:extLst>
          </a:blip>
          <a:srcRect l="3143" t="4408" r="4005" b="1167"/>
          <a:stretch/>
        </p:blipFill>
        <p:spPr bwMode="auto">
          <a:xfrm>
            <a:off x="149915" y="1349031"/>
            <a:ext cx="4673774" cy="3462893"/>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404560028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up)">
                                      <p:cBhvr>
                                        <p:cTn id="7" dur="500"/>
                                        <p:tgtEl>
                                          <p:spTgt spid="2"/>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wipe(down)">
                                      <p:cBhvr>
                                        <p:cTn id="11" dur="500"/>
                                        <p:tgtEl>
                                          <p:spTgt spid="3"/>
                                        </p:tgtEl>
                                      </p:cBhvr>
                                    </p:animEffect>
                                  </p:childTnLst>
                                </p:cTn>
                              </p:par>
                            </p:childTnLst>
                          </p:cTn>
                        </p:par>
                        <p:par>
                          <p:cTn id="12" fill="hold">
                            <p:stCondLst>
                              <p:cond delay="1000"/>
                            </p:stCondLst>
                            <p:childTnLst>
                              <p:par>
                                <p:cTn id="13" presetID="22" presetClass="entr" presetSubtype="4" fill="hold" nodeType="afterEffect">
                                  <p:stCondLst>
                                    <p:cond delay="0"/>
                                  </p:stCondLst>
                                  <p:childTnLst>
                                    <p:set>
                                      <p:cBhvr>
                                        <p:cTn id="14" dur="1" fill="hold">
                                          <p:stCondLst>
                                            <p:cond delay="0"/>
                                          </p:stCondLst>
                                        </p:cTn>
                                        <p:tgtEl>
                                          <p:spTgt spid="1028"/>
                                        </p:tgtEl>
                                        <p:attrNameLst>
                                          <p:attrName>style.visibility</p:attrName>
                                        </p:attrNameLst>
                                      </p:cBhvr>
                                      <p:to>
                                        <p:strVal val="visible"/>
                                      </p:to>
                                    </p:set>
                                    <p:animEffect transition="in" filter="wipe(down)">
                                      <p:cBhvr>
                                        <p:cTn id="15" dur="500"/>
                                        <p:tgtEl>
                                          <p:spTgt spid="1028"/>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2" fill="hold" grpId="0" nodeType="clickEffect">
                                  <p:stCondLst>
                                    <p:cond delay="0"/>
                                  </p:stCondLst>
                                  <p:childTnLst>
                                    <p:set>
                                      <p:cBhvr>
                                        <p:cTn id="19" dur="1" fill="hold">
                                          <p:stCondLst>
                                            <p:cond delay="0"/>
                                          </p:stCondLst>
                                        </p:cTn>
                                        <p:tgtEl>
                                          <p:spTgt spid="7"/>
                                        </p:tgtEl>
                                        <p:attrNameLst>
                                          <p:attrName>style.visibility</p:attrName>
                                        </p:attrNameLst>
                                      </p:cBhvr>
                                      <p:to>
                                        <p:strVal val="visible"/>
                                      </p:to>
                                    </p:set>
                                    <p:animEffect transition="in" filter="wipe(right)">
                                      <p:cBhvr>
                                        <p:cTn id="20" dur="500"/>
                                        <p:tgtEl>
                                          <p:spTgt spid="7"/>
                                        </p:tgtEl>
                                      </p:cBhvr>
                                    </p:animEffect>
                                  </p:childTnLst>
                                </p:cTn>
                              </p:par>
                            </p:childTnLst>
                          </p:cTn>
                        </p:par>
                        <p:par>
                          <p:cTn id="21" fill="hold">
                            <p:stCondLst>
                              <p:cond delay="500"/>
                            </p:stCondLst>
                            <p:childTnLst>
                              <p:par>
                                <p:cTn id="22" presetID="22" presetClass="entr" presetSubtype="2" fill="hold" grpId="0" nodeType="afterEffect">
                                  <p:stCondLst>
                                    <p:cond delay="0"/>
                                  </p:stCondLst>
                                  <p:childTnLst>
                                    <p:set>
                                      <p:cBhvr>
                                        <p:cTn id="23" dur="1" fill="hold">
                                          <p:stCondLst>
                                            <p:cond delay="0"/>
                                          </p:stCondLst>
                                        </p:cTn>
                                        <p:tgtEl>
                                          <p:spTgt spid="8"/>
                                        </p:tgtEl>
                                        <p:attrNameLst>
                                          <p:attrName>style.visibility</p:attrName>
                                        </p:attrNameLst>
                                      </p:cBhvr>
                                      <p:to>
                                        <p:strVal val="visible"/>
                                      </p:to>
                                    </p:set>
                                    <p:animEffect transition="in" filter="wipe(right)">
                                      <p:cBhvr>
                                        <p:cTn id="24"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2" grpId="0" animBg="1"/>
      <p:bldP spid="8"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45133" y="5778380"/>
            <a:ext cx="582662" cy="539476"/>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32" name="Dikdörtgen 131"/>
          <p:cNvSpPr/>
          <p:nvPr/>
        </p:nvSpPr>
        <p:spPr>
          <a:xfrm>
            <a:off x="140558" y="361000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33" name="Dikdörtgen 132"/>
          <p:cNvSpPr/>
          <p:nvPr/>
        </p:nvSpPr>
        <p:spPr>
          <a:xfrm>
            <a:off x="167114" y="2863279"/>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27" name="Dikdörtgen 126"/>
          <p:cNvSpPr/>
          <p:nvPr/>
        </p:nvSpPr>
        <p:spPr>
          <a:xfrm>
            <a:off x="167114" y="5061988"/>
            <a:ext cx="382138"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122829" y="24558"/>
            <a:ext cx="12019073" cy="2693638"/>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lvl="0" algn="just"/>
            <a:r>
              <a:rPr lang="tr-TR" sz="4000" b="1" dirty="0"/>
              <a:t>1. Tövbe ile ilgili aşağıdaki yargılardan hangisi </a:t>
            </a:r>
            <a:r>
              <a:rPr lang="tr-TR" sz="4000" b="1" u="sng" dirty="0"/>
              <a:t>yanlıştır?</a:t>
            </a:r>
            <a:endParaRPr kumimoji="0" lang="tr-TR" sz="8000" b="1" i="0" u="sng" strike="noStrike" kern="1200" cap="none" spc="0" normalizeH="0" baseline="0" noProof="0" dirty="0">
              <a:ln>
                <a:noFill/>
              </a:ln>
              <a:solidFill>
                <a:prstClr val="black"/>
              </a:solidFill>
              <a:effectLst/>
              <a:uLnTx/>
              <a:uFillTx/>
              <a:latin typeface="Calibri" panose="020F0502020204030204"/>
            </a:endParaRPr>
          </a:p>
        </p:txBody>
      </p:sp>
      <p:grpSp>
        <p:nvGrpSpPr>
          <p:cNvPr id="105" name="A"/>
          <p:cNvGrpSpPr/>
          <p:nvPr/>
        </p:nvGrpSpPr>
        <p:grpSpPr>
          <a:xfrm>
            <a:off x="539793" y="5048341"/>
            <a:ext cx="11527754" cy="543553"/>
            <a:chOff x="955343" y="3343700"/>
            <a:chExt cx="11527754" cy="682389"/>
          </a:xfrm>
          <a:effectLst/>
        </p:grpSpPr>
        <p:sp>
          <p:nvSpPr>
            <p:cNvPr id="97" name="Yuvarlatılmış Dikdörtgen 96"/>
            <p:cNvSpPr/>
            <p:nvPr/>
          </p:nvSpPr>
          <p:spPr>
            <a:xfrm>
              <a:off x="955343" y="3343700"/>
              <a:ext cx="1201003" cy="682388"/>
            </a:xfrm>
            <a:prstGeom prst="roundRect">
              <a:avLst/>
            </a:prstGeom>
            <a:solidFill>
              <a:srgbClr val="C75BA7"/>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prstClr val="white"/>
                  </a:solidFill>
                  <a:effectLst/>
                  <a:uLnTx/>
                  <a:uFillTx/>
                  <a:latin typeface="Calibri" panose="020F0502020204030204"/>
                  <a:ea typeface="+mn-ea"/>
                  <a:cs typeface="+mn-cs"/>
                </a:rPr>
                <a:t>D</a:t>
              </a:r>
            </a:p>
          </p:txBody>
        </p:sp>
        <p:sp>
          <p:nvSpPr>
            <p:cNvPr id="96" name="Serbest Form 95"/>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Yapılan hatayı onarmaktır.</a:t>
              </a:r>
              <a:endParaRPr kumimoji="0" lang="tr-TR" sz="5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18" name="B"/>
          <p:cNvGrpSpPr/>
          <p:nvPr/>
        </p:nvGrpSpPr>
        <p:grpSpPr>
          <a:xfrm>
            <a:off x="536452" y="5781880"/>
            <a:ext cx="11527754" cy="543553"/>
            <a:chOff x="955343" y="3343700"/>
            <a:chExt cx="11527754" cy="682389"/>
          </a:xfrm>
        </p:grpSpPr>
        <p:sp>
          <p:nvSpPr>
            <p:cNvPr id="119" name="Yuvarlatılmış Dikdörtgen 118"/>
            <p:cNvSpPr/>
            <p:nvPr/>
          </p:nvSpPr>
          <p:spPr>
            <a:xfrm>
              <a:off x="955343" y="3343700"/>
              <a:ext cx="1201003" cy="682388"/>
            </a:xfrm>
            <a:prstGeom prst="roundRect">
              <a:avLst/>
            </a:prstGeom>
            <a:solidFill>
              <a:srgbClr val="FF0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prstClr val="white"/>
                  </a:solidFill>
                  <a:effectLst/>
                  <a:uLnTx/>
                  <a:uFillTx/>
                  <a:latin typeface="Calibri" panose="020F0502020204030204"/>
                  <a:ea typeface="+mn-ea"/>
                  <a:cs typeface="+mn-cs"/>
                </a:rPr>
                <a:t>E</a:t>
              </a:r>
            </a:p>
          </p:txBody>
        </p:sp>
        <p:sp>
          <p:nvSpPr>
            <p:cNvPr id="120" name="Serbest Form 119"/>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Günahı hafife almaktır.</a:t>
              </a:r>
              <a:endPar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1" name="C"/>
          <p:cNvGrpSpPr/>
          <p:nvPr/>
        </p:nvGrpSpPr>
        <p:grpSpPr>
          <a:xfrm>
            <a:off x="513237" y="3590418"/>
            <a:ext cx="11527754" cy="543553"/>
            <a:chOff x="955343" y="3343700"/>
            <a:chExt cx="11527754" cy="682389"/>
          </a:xfrm>
        </p:grpSpPr>
        <p:sp>
          <p:nvSpPr>
            <p:cNvPr id="122" name="Yuvarlatılmış Dikdörtgen 121"/>
            <p:cNvSpPr/>
            <p:nvPr/>
          </p:nvSpPr>
          <p:spPr>
            <a:xfrm>
              <a:off x="955343" y="3343700"/>
              <a:ext cx="1201003" cy="682388"/>
            </a:xfrm>
            <a:prstGeom prst="roundRect">
              <a:avLst/>
            </a:prstGeom>
            <a:solidFill>
              <a:srgbClr val="FFC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prstClr val="white"/>
                  </a:solidFill>
                  <a:effectLst/>
                  <a:uLnTx/>
                  <a:uFillTx/>
                  <a:latin typeface="Calibri" panose="020F0502020204030204"/>
                  <a:ea typeface="+mn-ea"/>
                  <a:cs typeface="+mn-cs"/>
                </a:rPr>
                <a:t>B</a:t>
              </a:r>
            </a:p>
          </p:txBody>
        </p:sp>
        <p:sp>
          <p:nvSpPr>
            <p:cNvPr id="123" name="Serbest Form 122"/>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Günahtan dolayı Allah’tan af dilemektir</a:t>
              </a:r>
              <a:endParaRPr kumimoji="0" lang="tr-TR" sz="5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4" name="D"/>
          <p:cNvGrpSpPr/>
          <p:nvPr/>
        </p:nvGrpSpPr>
        <p:grpSpPr>
          <a:xfrm>
            <a:off x="580737" y="2853592"/>
            <a:ext cx="11518296" cy="543553"/>
            <a:chOff x="955343" y="3343700"/>
            <a:chExt cx="11518296" cy="682389"/>
          </a:xfrm>
        </p:grpSpPr>
        <p:sp>
          <p:nvSpPr>
            <p:cNvPr id="125" name="Yuvarlatılmış Dikdörtgen 124"/>
            <p:cNvSpPr/>
            <p:nvPr/>
          </p:nvSpPr>
          <p:spPr>
            <a:xfrm>
              <a:off x="955343" y="3343700"/>
              <a:ext cx="1201003" cy="682388"/>
            </a:xfrm>
            <a:prstGeom prst="roundRect">
              <a:avLst/>
            </a:prstGeom>
            <a:solidFill>
              <a:srgbClr val="00A149"/>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prstClr val="white"/>
                  </a:solidFill>
                  <a:effectLst/>
                  <a:uLnTx/>
                  <a:uFillTx/>
                  <a:latin typeface="Calibri" panose="020F0502020204030204"/>
                  <a:ea typeface="+mn-ea"/>
                  <a:cs typeface="+mn-cs"/>
                </a:rPr>
                <a:t>A</a:t>
              </a:r>
            </a:p>
          </p:txBody>
        </p:sp>
        <p:sp>
          <p:nvSpPr>
            <p:cNvPr id="126" name="Serbest Form 125"/>
            <p:cNvSpPr/>
            <p:nvPr/>
          </p:nvSpPr>
          <p:spPr>
            <a:xfrm>
              <a:off x="1201742" y="3343700"/>
              <a:ext cx="11271897"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Aynı hataya düşmemeye karar vermektir.</a:t>
              </a:r>
              <a:endPar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26" name="Rectangle 6">
            <a:extLst>
              <a:ext uri="{FF2B5EF4-FFF2-40B4-BE49-F238E27FC236}">
                <a16:creationId xmlns:a16="http://schemas.microsoft.com/office/drawing/2014/main" id="{9007CF10-9BCC-4C67-A2C9-6EDAD53EEC34}"/>
              </a:ext>
            </a:extLst>
          </p:cNvPr>
          <p:cNvSpPr/>
          <p:nvPr/>
        </p:nvSpPr>
        <p:spPr>
          <a:xfrm>
            <a:off x="0" y="6432883"/>
            <a:ext cx="12192000" cy="452037"/>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 name="Komut Düğmesi: Geri veya Önceki 26">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8" name="Komut Düğmesi: İleri veya Sonraki 27">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9" name="Komut Düğmesi: Giriş 28">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0" name="Dikdörtgen 29"/>
          <p:cNvSpPr/>
          <p:nvPr/>
        </p:nvSpPr>
        <p:spPr>
          <a:xfrm>
            <a:off x="122829" y="434559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grpSp>
        <p:nvGrpSpPr>
          <p:cNvPr id="31" name="D"/>
          <p:cNvGrpSpPr/>
          <p:nvPr/>
        </p:nvGrpSpPr>
        <p:grpSpPr>
          <a:xfrm>
            <a:off x="589153" y="4356069"/>
            <a:ext cx="11518296" cy="543555"/>
            <a:chOff x="955343" y="3343697"/>
            <a:chExt cx="11518296" cy="682391"/>
          </a:xfrm>
        </p:grpSpPr>
        <p:sp>
          <p:nvSpPr>
            <p:cNvPr id="32" name="Yuvarlatılmış Dikdörtgen 31"/>
            <p:cNvSpPr/>
            <p:nvPr/>
          </p:nvSpPr>
          <p:spPr>
            <a:xfrm>
              <a:off x="955343" y="3343700"/>
              <a:ext cx="1201003" cy="682388"/>
            </a:xfrm>
            <a:prstGeom prst="roundRect">
              <a:avLst/>
            </a:prstGeom>
            <a:solidFill>
              <a:srgbClr val="38ACBB"/>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400" b="1" i="0" u="none" strike="noStrike" kern="1200" cap="none" spc="0" normalizeH="0" baseline="0" noProof="0" dirty="0">
                  <a:ln>
                    <a:noFill/>
                  </a:ln>
                  <a:solidFill>
                    <a:prstClr val="white"/>
                  </a:solidFill>
                  <a:effectLst/>
                  <a:uLnTx/>
                  <a:uFillTx/>
                  <a:latin typeface="Calibri" panose="020F0502020204030204"/>
                  <a:ea typeface="+mn-ea"/>
                  <a:cs typeface="+mn-cs"/>
                </a:rPr>
                <a:t>C</a:t>
              </a:r>
            </a:p>
          </p:txBody>
        </p:sp>
        <p:sp>
          <p:nvSpPr>
            <p:cNvPr id="33" name="Serbest Form 32"/>
            <p:cNvSpPr/>
            <p:nvPr/>
          </p:nvSpPr>
          <p:spPr>
            <a:xfrm>
              <a:off x="1228299" y="3343697"/>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Günah işlediğine pişman olmaktır.</a:t>
              </a:r>
              <a:endPar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35" name="Yuvarlatılmış Dikdörtgen 34"/>
          <p:cNvSpPr/>
          <p:nvPr/>
        </p:nvSpPr>
        <p:spPr>
          <a:xfrm>
            <a:off x="9066304" y="2191554"/>
            <a:ext cx="2997902" cy="468765"/>
          </a:xfrm>
          <a:prstGeom prst="roundRect">
            <a:avLst/>
          </a:prstGeom>
          <a:solidFill>
            <a:srgbClr val="FF0000"/>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MEB </a:t>
            </a:r>
            <a:r>
              <a:rPr lang="tr-TR" sz="2400" dirty="0">
                <a:solidFill>
                  <a:prstClr val="black"/>
                </a:solidFill>
                <a:latin typeface="Calibri" panose="020F0502020204030204"/>
              </a:rPr>
              <a:t>Kazanım</a:t>
            </a: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Testleri</a:t>
            </a:r>
          </a:p>
        </p:txBody>
      </p:sp>
    </p:spTree>
    <p:custDataLst>
      <p:tags r:id="rId1"/>
    </p:custDataLst>
    <p:extLst>
      <p:ext uri="{BB962C8B-B14F-4D97-AF65-F5344CB8AC3E}">
        <p14:creationId xmlns:p14="http://schemas.microsoft.com/office/powerpoint/2010/main" val="234285893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05"/>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27"/>
                                        </p:tgtEl>
                                        <p:attrNameLst>
                                          <p:attrName>style.visibility</p:attrName>
                                        </p:attrNameLst>
                                      </p:cBhvr>
                                      <p:to>
                                        <p:strVal val="visible"/>
                                      </p:to>
                                    </p:set>
                                    <p:animEffect transition="in" filter="fade">
                                      <p:cBhvr>
                                        <p:cTn id="7" dur="1500"/>
                                        <p:tgtEl>
                                          <p:spTgt spid="127"/>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05"/>
                  </p:tgtEl>
                </p:cond>
              </p:nextCondLst>
            </p:seq>
            <p:seq concurrent="1" nextAc="seek">
              <p:cTn id="8" restart="whenNotActive" fill="hold" evtFilter="cancelBubble" nodeType="interactiveSeq">
                <p:stCondLst>
                  <p:cond evt="onClick" delay="0">
                    <p:tgtEl>
                      <p:spTgt spid="11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1"/>
                                        </p:tgtEl>
                                        <p:attrNameLst>
                                          <p:attrName>style.visibility</p:attrName>
                                        </p:attrNameLst>
                                      </p:cBhvr>
                                      <p:to>
                                        <p:strVal val="visible"/>
                                      </p:to>
                                    </p:set>
                                    <p:animEffect transition="in" filter="fade">
                                      <p:cBhvr>
                                        <p:cTn id="13" dur="1500"/>
                                        <p:tgtEl>
                                          <p:spTgt spid="131"/>
                                        </p:tgtEl>
                                      </p:cBhvr>
                                    </p:animEffect>
                                  </p:childTnLst>
                                  <p:subTnLst>
                                    <p:audio>
                                      <p:cMediaNode>
                                        <p:cTn display="0" masterRel="sameClick">
                                          <p:stCondLst>
                                            <p:cond evt="begin" delay="0">
                                              <p:tn val="11"/>
                                            </p:cond>
                                          </p:stCondLst>
                                          <p:endCondLst>
                                            <p:cond evt="onStopAudio" delay="0">
                                              <p:tgtEl>
                                                <p:sldTgt/>
                                              </p:tgtEl>
                                            </p:cond>
                                          </p:endCondLst>
                                        </p:cTn>
                                        <p:tgtEl>
                                          <p:sndTgt r:embed="rId5" name="CorrectAnswerSFX.wav"/>
                                        </p:tgtEl>
                                      </p:cMediaNode>
                                    </p:audio>
                                  </p:subTnLst>
                                </p:cTn>
                              </p:par>
                            </p:childTnLst>
                          </p:cTn>
                        </p:par>
                      </p:childTnLst>
                    </p:cTn>
                  </p:par>
                </p:childTnLst>
              </p:cTn>
              <p:nextCondLst>
                <p:cond evt="onClick" delay="0">
                  <p:tgtEl>
                    <p:spTgt spid="118"/>
                  </p:tgtEl>
                </p:cond>
              </p:nextCondLst>
            </p:seq>
            <p:seq concurrent="1" nextAc="seek">
              <p:cTn id="14" restart="whenNotActive" fill="hold" evtFilter="cancelBubble" nodeType="interactiveSeq">
                <p:stCondLst>
                  <p:cond evt="onClick" delay="0">
                    <p:tgtEl>
                      <p:spTgt spid="12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132"/>
                                        </p:tgtEl>
                                        <p:attrNameLst>
                                          <p:attrName>style.visibility</p:attrName>
                                        </p:attrNameLst>
                                      </p:cBhvr>
                                      <p:to>
                                        <p:strVal val="visible"/>
                                      </p:to>
                                    </p:set>
                                    <p:animEffect transition="in" filter="fade">
                                      <p:cBhvr>
                                        <p:cTn id="19" dur="1500"/>
                                        <p:tgtEl>
                                          <p:spTgt spid="132"/>
                                        </p:tgtEl>
                                      </p:cBhvr>
                                    </p:animEffect>
                                  </p:childTnLst>
                                  <p:subTnLst>
                                    <p:audio>
                                      <p:cMediaNode>
                                        <p:cTn display="0" masterRel="sameClick">
                                          <p:stCondLst>
                                            <p:cond evt="begin" delay="0">
                                              <p:tn val="17"/>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1"/>
                  </p:tgtEl>
                </p:cond>
              </p:nextCondLst>
            </p:seq>
            <p:seq concurrent="1" nextAc="seek">
              <p:cTn id="20" restart="whenNotActive" fill="hold" evtFilter="cancelBubble" nodeType="interactiveSeq">
                <p:stCondLst>
                  <p:cond evt="onClick" delay="0">
                    <p:tgtEl>
                      <p:spTgt spid="12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33"/>
                                        </p:tgtEl>
                                        <p:attrNameLst>
                                          <p:attrName>style.visibility</p:attrName>
                                        </p:attrNameLst>
                                      </p:cBhvr>
                                      <p:to>
                                        <p:strVal val="visible"/>
                                      </p:to>
                                    </p:set>
                                    <p:animEffect transition="in" filter="fade">
                                      <p:cBhvr>
                                        <p:cTn id="25" dur="1500"/>
                                        <p:tgtEl>
                                          <p:spTgt spid="133"/>
                                        </p:tgtEl>
                                      </p:cBhvr>
                                    </p:animEffect>
                                  </p:childTnLst>
                                  <p:subTnLst>
                                    <p:audio>
                                      <p:cMediaNode>
                                        <p:cTn display="0" masterRel="sameClick">
                                          <p:stCondLst>
                                            <p:cond evt="begin" delay="0">
                                              <p:tn val="2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4"/>
                  </p:tgtEl>
                </p:cond>
              </p:nextCondLst>
            </p:seq>
            <p:seq concurrent="1" nextAc="seek">
              <p:cTn id="26" restart="whenNotActive" fill="hold" evtFilter="cancelBubble" nodeType="interactiveSeq">
                <p:stCondLst>
                  <p:cond evt="onClick" delay="0">
                    <p:tgtEl>
                      <p:spTgt spid="31"/>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30"/>
                                        </p:tgtEl>
                                        <p:attrNameLst>
                                          <p:attrName>style.visibility</p:attrName>
                                        </p:attrNameLst>
                                      </p:cBhvr>
                                      <p:to>
                                        <p:strVal val="visible"/>
                                      </p:to>
                                    </p:set>
                                    <p:animEffect transition="in" filter="fade">
                                      <p:cBhvr>
                                        <p:cTn id="31" dur="1500"/>
                                        <p:tgtEl>
                                          <p:spTgt spid="30"/>
                                        </p:tgtEl>
                                      </p:cBhvr>
                                    </p:animEffect>
                                  </p:childTnLst>
                                  <p:subTnLst>
                                    <p:audio>
                                      <p:cMediaNode>
                                        <p:cTn display="0" masterRel="sameClick">
                                          <p:stCondLst>
                                            <p:cond evt="begin" delay="0">
                                              <p:tn val="2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31"/>
                  </p:tgtEl>
                </p:cond>
              </p:nextCondLst>
            </p:seq>
          </p:childTnLst>
        </p:cTn>
      </p:par>
    </p:tnLst>
    <p:bldLst>
      <p:bldP spid="131" grpId="0" animBg="1"/>
      <p:bldP spid="132" grpId="0" animBg="1"/>
      <p:bldP spid="133" grpId="0" animBg="1"/>
      <p:bldP spid="127" grpId="0" animBg="1"/>
      <p:bldP spid="30"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Yuvarlatılmış Dikdörtgen 4">
            <a:hlinkClick r:id="rId4"/>
          </p:cNvPr>
          <p:cNvSpPr/>
          <p:nvPr/>
        </p:nvSpPr>
        <p:spPr>
          <a:xfrm>
            <a:off x="2852245" y="1802498"/>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6" name="Dikdörtgen 5"/>
          <p:cNvSpPr/>
          <p:nvPr/>
        </p:nvSpPr>
        <p:spPr>
          <a:xfrm>
            <a:off x="8330875" y="2430571"/>
            <a:ext cx="162398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 name="Yuvarlatılmış Dikdörtgen 6"/>
          <p:cNvSpPr/>
          <p:nvPr/>
        </p:nvSpPr>
        <p:spPr>
          <a:xfrm>
            <a:off x="798786" y="4099035"/>
            <a:ext cx="10510345"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dindersimateryal.com sitesinde etkinlikler ve oyunlara ulaşabilirsiniz.</a:t>
            </a:r>
          </a:p>
        </p:txBody>
      </p:sp>
    </p:spTree>
    <p:custDataLst>
      <p:tags r:id="rId1"/>
    </p:custDataLst>
    <p:extLst>
      <p:ext uri="{BB962C8B-B14F-4D97-AF65-F5344CB8AC3E}">
        <p14:creationId xmlns:p14="http://schemas.microsoft.com/office/powerpoint/2010/main" val="631548340"/>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erbest Form 4"/>
          <p:cNvSpPr/>
          <p:nvPr/>
        </p:nvSpPr>
        <p:spPr>
          <a:xfrm>
            <a:off x="751840" y="299720"/>
            <a:ext cx="8514080" cy="955040"/>
          </a:xfrm>
          <a:custGeom>
            <a:avLst/>
            <a:gdLst>
              <a:gd name="connsiteX0" fmla="*/ 0 w 6604000"/>
              <a:gd name="connsiteY0" fmla="*/ 0 h 955040"/>
              <a:gd name="connsiteX1" fmla="*/ 5262880 w 6604000"/>
              <a:gd name="connsiteY1" fmla="*/ 0 h 955040"/>
              <a:gd name="connsiteX2" fmla="*/ 6604000 w 6604000"/>
              <a:gd name="connsiteY2" fmla="*/ 477520 h 955040"/>
              <a:gd name="connsiteX3" fmla="*/ 5262880 w 6604000"/>
              <a:gd name="connsiteY3" fmla="*/ 955040 h 955040"/>
              <a:gd name="connsiteX4" fmla="*/ 0 w 6604000"/>
              <a:gd name="connsiteY4" fmla="*/ 955040 h 95504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604000" h="955040">
                <a:moveTo>
                  <a:pt x="0" y="0"/>
                </a:moveTo>
                <a:lnTo>
                  <a:pt x="5262880" y="0"/>
                </a:lnTo>
                <a:lnTo>
                  <a:pt x="6604000" y="477520"/>
                </a:lnTo>
                <a:lnTo>
                  <a:pt x="5262880" y="955040"/>
                </a:lnTo>
                <a:lnTo>
                  <a:pt x="0" y="955040"/>
                </a:lnTo>
                <a:close/>
              </a:path>
            </a:pathLst>
          </a:custGeom>
          <a:solidFill>
            <a:schemeClr val="accent1">
              <a:lumMod val="40000"/>
              <a:lumOff val="60000"/>
            </a:schemeClr>
          </a:solidFill>
          <a:ln w="571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1"/>
            <a:r>
              <a:rPr lang="tr-TR" sz="3600" dirty="0">
                <a:solidFill>
                  <a:schemeClr val="tx1"/>
                </a:solidFill>
              </a:rPr>
              <a:t> Allah İle İletişim Kurma Yolları: </a:t>
            </a:r>
            <a:r>
              <a:rPr lang="tr-TR" sz="3600" b="1" dirty="0">
                <a:solidFill>
                  <a:schemeClr val="tx1"/>
                </a:solidFill>
              </a:rPr>
              <a:t>Dua</a:t>
            </a:r>
          </a:p>
        </p:txBody>
      </p:sp>
      <p:sp>
        <p:nvSpPr>
          <p:cNvPr id="4" name="Oval 3"/>
          <p:cNvSpPr/>
          <p:nvPr/>
        </p:nvSpPr>
        <p:spPr>
          <a:xfrm>
            <a:off x="243840" y="248920"/>
            <a:ext cx="1016000" cy="1005840"/>
          </a:xfrm>
          <a:prstGeom prst="ellipse">
            <a:avLst/>
          </a:prstGeom>
          <a:solidFill>
            <a:schemeClr val="accent4">
              <a:lumMod val="40000"/>
              <a:lumOff val="60000"/>
            </a:schemeClr>
          </a:solidFill>
          <a:ln w="571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400" dirty="0">
                <a:solidFill>
                  <a:schemeClr val="tx1"/>
                </a:solidFill>
              </a:rPr>
              <a:t>1</a:t>
            </a:r>
          </a:p>
        </p:txBody>
      </p:sp>
      <p:sp>
        <p:nvSpPr>
          <p:cNvPr id="6" name="Dikdörtgen 5"/>
          <p:cNvSpPr/>
          <p:nvPr/>
        </p:nvSpPr>
        <p:spPr>
          <a:xfrm>
            <a:off x="5791200" y="1570354"/>
            <a:ext cx="6156960" cy="4993006"/>
          </a:xfrm>
          <a:prstGeom prst="rect">
            <a:avLst/>
          </a:prstGeom>
          <a:solidFill>
            <a:schemeClr val="accent4">
              <a:lumMod val="40000"/>
              <a:lumOff val="60000"/>
            </a:schemeClr>
          </a:solidFill>
          <a:ln>
            <a:noFill/>
          </a:ln>
          <a:effectLst>
            <a:outerShdw blurRad="50800" dist="38100" dir="5400000" algn="t" rotWithShape="0">
              <a:srgbClr val="FF7979">
                <a:alpha val="31000"/>
              </a:srgb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nSpc>
                <a:spcPct val="150000"/>
              </a:lnSpc>
              <a:buFont typeface="Wingdings" panose="05000000000000000000" pitchFamily="2" charset="2"/>
              <a:buChar char="Ø"/>
            </a:pPr>
            <a:r>
              <a:rPr lang="tr-TR" sz="2800" dirty="0">
                <a:solidFill>
                  <a:schemeClr val="tx1">
                    <a:lumMod val="95000"/>
                    <a:lumOff val="5000"/>
                  </a:schemeClr>
                </a:solidFill>
              </a:rPr>
              <a:t>O’ndan yardım dilemesi ve </a:t>
            </a:r>
          </a:p>
          <a:p>
            <a:pPr>
              <a:lnSpc>
                <a:spcPct val="150000"/>
              </a:lnSpc>
              <a:buFont typeface="Wingdings" panose="05000000000000000000" pitchFamily="2" charset="2"/>
              <a:buChar char="Ø"/>
            </a:pPr>
            <a:r>
              <a:rPr lang="tr-TR" sz="2800" dirty="0">
                <a:solidFill>
                  <a:schemeClr val="tx1">
                    <a:lumMod val="95000"/>
                    <a:lumOff val="5000"/>
                  </a:schemeClr>
                </a:solidFill>
              </a:rPr>
              <a:t>Allah’a (</a:t>
            </a:r>
            <a:r>
              <a:rPr lang="tr-TR" sz="2800" dirty="0" err="1">
                <a:solidFill>
                  <a:schemeClr val="tx1">
                    <a:lumMod val="95000"/>
                    <a:lumOff val="5000"/>
                  </a:schemeClr>
                </a:solidFill>
              </a:rPr>
              <a:t>c.c</a:t>
            </a:r>
            <a:r>
              <a:rPr lang="tr-TR" sz="2800" dirty="0">
                <a:solidFill>
                  <a:schemeClr val="tx1">
                    <a:lumMod val="95000"/>
                    <a:lumOff val="5000"/>
                  </a:schemeClr>
                </a:solidFill>
              </a:rPr>
              <a:t>.) yönelmesi,</a:t>
            </a:r>
          </a:p>
          <a:p>
            <a:pPr>
              <a:lnSpc>
                <a:spcPct val="150000"/>
              </a:lnSpc>
              <a:buFont typeface="Wingdings" panose="05000000000000000000" pitchFamily="2" charset="2"/>
              <a:buChar char="Ø"/>
            </a:pPr>
            <a:r>
              <a:rPr lang="tr-TR" sz="2800" dirty="0">
                <a:solidFill>
                  <a:schemeClr val="tx1">
                    <a:lumMod val="95000"/>
                    <a:lumOff val="5000"/>
                  </a:schemeClr>
                </a:solidFill>
              </a:rPr>
              <a:t>isteklerini Allah’a (</a:t>
            </a:r>
            <a:r>
              <a:rPr lang="tr-TR" sz="2800" dirty="0" err="1">
                <a:solidFill>
                  <a:schemeClr val="tx1">
                    <a:lumMod val="95000"/>
                    <a:lumOff val="5000"/>
                  </a:schemeClr>
                </a:solidFill>
              </a:rPr>
              <a:t>c.c</a:t>
            </a:r>
            <a:r>
              <a:rPr lang="tr-TR" sz="2800" dirty="0">
                <a:solidFill>
                  <a:schemeClr val="tx1">
                    <a:lumMod val="95000"/>
                    <a:lumOff val="5000"/>
                  </a:schemeClr>
                </a:solidFill>
              </a:rPr>
              <a:t>.) iletmesi, O’na güvenip dayanması,</a:t>
            </a:r>
          </a:p>
          <a:p>
            <a:pPr>
              <a:lnSpc>
                <a:spcPct val="150000"/>
              </a:lnSpc>
              <a:buFont typeface="Wingdings" panose="05000000000000000000" pitchFamily="2" charset="2"/>
              <a:buChar char="Ø"/>
            </a:pPr>
            <a:r>
              <a:rPr lang="tr-TR" sz="2800" dirty="0">
                <a:solidFill>
                  <a:schemeClr val="tx1">
                    <a:lumMod val="95000"/>
                    <a:lumOff val="5000"/>
                  </a:schemeClr>
                </a:solidFill>
              </a:rPr>
              <a:t>insanın bütün samimiyetiyle </a:t>
            </a:r>
          </a:p>
          <a:p>
            <a:pPr>
              <a:lnSpc>
                <a:spcPct val="150000"/>
              </a:lnSpc>
              <a:buFont typeface="Wingdings" panose="05000000000000000000" pitchFamily="2" charset="2"/>
              <a:buChar char="Ø"/>
            </a:pPr>
            <a:r>
              <a:rPr lang="tr-TR" sz="2800" dirty="0">
                <a:solidFill>
                  <a:schemeClr val="tx1">
                    <a:lumMod val="95000"/>
                    <a:lumOff val="5000"/>
                  </a:schemeClr>
                </a:solidFill>
              </a:rPr>
              <a:t>Dua, sevinç ve üzüntüleri Allah (</a:t>
            </a:r>
            <a:r>
              <a:rPr lang="tr-TR" sz="2800" dirty="0" err="1">
                <a:solidFill>
                  <a:schemeClr val="tx1">
                    <a:lumMod val="95000"/>
                    <a:lumOff val="5000"/>
                  </a:schemeClr>
                </a:solidFill>
              </a:rPr>
              <a:t>c.c</a:t>
            </a:r>
            <a:r>
              <a:rPr lang="tr-TR" sz="2800" dirty="0">
                <a:solidFill>
                  <a:schemeClr val="tx1">
                    <a:lumMod val="95000"/>
                    <a:lumOff val="5000"/>
                  </a:schemeClr>
                </a:solidFill>
              </a:rPr>
              <a:t>.) ile paylaşması</a:t>
            </a:r>
          </a:p>
        </p:txBody>
      </p:sp>
      <p:sp>
        <p:nvSpPr>
          <p:cNvPr id="7" name="Çentikli Sağ Ok 6"/>
          <p:cNvSpPr/>
          <p:nvPr/>
        </p:nvSpPr>
        <p:spPr>
          <a:xfrm>
            <a:off x="215900" y="1840229"/>
            <a:ext cx="5107940" cy="3991611"/>
          </a:xfrm>
          <a:prstGeom prst="notchedRightArrow">
            <a:avLst>
              <a:gd name="adj1" fmla="val 36272"/>
              <a:gd name="adj2" fmla="val 65543"/>
            </a:avLst>
          </a:prstGeom>
          <a:solidFill>
            <a:schemeClr val="accent2">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2800" dirty="0">
                <a:solidFill>
                  <a:schemeClr val="tx1"/>
                </a:solidFill>
              </a:rPr>
              <a:t>Verilen cümleleri kullanarak </a:t>
            </a:r>
            <a:r>
              <a:rPr lang="tr-TR" sz="2800" b="1" dirty="0">
                <a:solidFill>
                  <a:schemeClr val="tx1"/>
                </a:solidFill>
              </a:rPr>
              <a:t>DUA</a:t>
            </a:r>
            <a:r>
              <a:rPr lang="tr-TR" sz="2800" dirty="0">
                <a:solidFill>
                  <a:schemeClr val="tx1"/>
                </a:solidFill>
              </a:rPr>
              <a:t> tanımı yapınız.</a:t>
            </a:r>
          </a:p>
        </p:txBody>
      </p:sp>
    </p:spTree>
    <p:custDataLst>
      <p:tags r:id="rId1"/>
    </p:custDataLst>
    <p:extLst>
      <p:ext uri="{BB962C8B-B14F-4D97-AF65-F5344CB8AC3E}">
        <p14:creationId xmlns:p14="http://schemas.microsoft.com/office/powerpoint/2010/main" val="34499868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left)">
                                      <p:cBhvr>
                                        <p:cTn id="7" dur="500"/>
                                        <p:tgtEl>
                                          <p:spTgt spid="7"/>
                                        </p:tgtEl>
                                      </p:cBhvr>
                                    </p:animEffect>
                                  </p:childTnLst>
                                </p:cTn>
                              </p:par>
                            </p:childTnLst>
                          </p:cTn>
                        </p:par>
                        <p:par>
                          <p:cTn id="8" fill="hold">
                            <p:stCondLst>
                              <p:cond delay="500"/>
                            </p:stCondLst>
                            <p:childTnLst>
                              <p:par>
                                <p:cTn id="9" presetID="2" presetClass="entr" presetSubtype="4" fill="hold" grpId="0" nodeType="afterEffect">
                                  <p:stCondLst>
                                    <p:cond delay="0"/>
                                  </p:stCondLst>
                                  <p:childTnLst>
                                    <p:set>
                                      <p:cBhvr>
                                        <p:cTn id="10" dur="1" fill="hold">
                                          <p:stCondLst>
                                            <p:cond delay="0"/>
                                          </p:stCondLst>
                                        </p:cTn>
                                        <p:tgtEl>
                                          <p:spTgt spid="6"/>
                                        </p:tgtEl>
                                        <p:attrNameLst>
                                          <p:attrName>style.visibility</p:attrName>
                                        </p:attrNameLst>
                                      </p:cBhvr>
                                      <p:to>
                                        <p:strVal val="visible"/>
                                      </p:to>
                                    </p:set>
                                    <p:anim calcmode="lin" valueType="num">
                                      <p:cBhvr additive="base">
                                        <p:cTn id="11" dur="500" fill="hold"/>
                                        <p:tgtEl>
                                          <p:spTgt spid="6"/>
                                        </p:tgtEl>
                                        <p:attrNameLst>
                                          <p:attrName>ppt_x</p:attrName>
                                        </p:attrNameLst>
                                      </p:cBhvr>
                                      <p:tavLst>
                                        <p:tav tm="0">
                                          <p:val>
                                            <p:strVal val="#ppt_x"/>
                                          </p:val>
                                        </p:tav>
                                        <p:tav tm="100000">
                                          <p:val>
                                            <p:strVal val="#ppt_x"/>
                                          </p:val>
                                        </p:tav>
                                      </p:tavLst>
                                    </p:anim>
                                    <p:anim calcmode="lin" valueType="num">
                                      <p:cBhvr additive="base">
                                        <p:cTn id="12" dur="5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rbest Form 1"/>
          <p:cNvSpPr/>
          <p:nvPr/>
        </p:nvSpPr>
        <p:spPr>
          <a:xfrm>
            <a:off x="751839" y="299720"/>
            <a:ext cx="11440161" cy="955040"/>
          </a:xfrm>
          <a:custGeom>
            <a:avLst/>
            <a:gdLst>
              <a:gd name="connsiteX0" fmla="*/ 0 w 6604000"/>
              <a:gd name="connsiteY0" fmla="*/ 0 h 955040"/>
              <a:gd name="connsiteX1" fmla="*/ 5262880 w 6604000"/>
              <a:gd name="connsiteY1" fmla="*/ 0 h 955040"/>
              <a:gd name="connsiteX2" fmla="*/ 6604000 w 6604000"/>
              <a:gd name="connsiteY2" fmla="*/ 477520 h 955040"/>
              <a:gd name="connsiteX3" fmla="*/ 5262880 w 6604000"/>
              <a:gd name="connsiteY3" fmla="*/ 955040 h 955040"/>
              <a:gd name="connsiteX4" fmla="*/ 0 w 6604000"/>
              <a:gd name="connsiteY4" fmla="*/ 955040 h 95504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604000" h="955040">
                <a:moveTo>
                  <a:pt x="0" y="0"/>
                </a:moveTo>
                <a:lnTo>
                  <a:pt x="5262880" y="0"/>
                </a:lnTo>
                <a:lnTo>
                  <a:pt x="6604000" y="477520"/>
                </a:lnTo>
                <a:lnTo>
                  <a:pt x="5262880" y="955040"/>
                </a:lnTo>
                <a:lnTo>
                  <a:pt x="0" y="955040"/>
                </a:lnTo>
                <a:close/>
              </a:path>
            </a:pathLst>
          </a:custGeom>
          <a:solidFill>
            <a:schemeClr val="accent1">
              <a:lumMod val="40000"/>
              <a:lumOff val="60000"/>
            </a:schemeClr>
          </a:solidFill>
          <a:ln w="571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1"/>
            <a:r>
              <a:rPr lang="tr-TR" sz="3600" dirty="0">
                <a:solidFill>
                  <a:schemeClr val="tx1"/>
                </a:solidFill>
              </a:rPr>
              <a:t> Allah İle İletişim Kurma Yolları: </a:t>
            </a:r>
            <a:r>
              <a:rPr lang="tr-TR" sz="3600" b="1" dirty="0">
                <a:solidFill>
                  <a:schemeClr val="tx1"/>
                </a:solidFill>
              </a:rPr>
              <a:t>Kur’an</a:t>
            </a:r>
            <a:r>
              <a:rPr lang="tr-TR" sz="3200" b="1" dirty="0">
                <a:solidFill>
                  <a:schemeClr val="tx1"/>
                </a:solidFill>
              </a:rPr>
              <a:t> Okumak </a:t>
            </a:r>
            <a:endParaRPr lang="tr-TR" sz="3600" b="1" dirty="0">
              <a:solidFill>
                <a:schemeClr val="tx1"/>
              </a:solidFill>
            </a:endParaRPr>
          </a:p>
        </p:txBody>
      </p:sp>
      <p:sp>
        <p:nvSpPr>
          <p:cNvPr id="3" name="Oval 2"/>
          <p:cNvSpPr/>
          <p:nvPr/>
        </p:nvSpPr>
        <p:spPr>
          <a:xfrm>
            <a:off x="243840" y="248920"/>
            <a:ext cx="1016000" cy="1005840"/>
          </a:xfrm>
          <a:prstGeom prst="ellipse">
            <a:avLst/>
          </a:prstGeom>
          <a:solidFill>
            <a:schemeClr val="accent4">
              <a:lumMod val="40000"/>
              <a:lumOff val="60000"/>
            </a:schemeClr>
          </a:solidFill>
          <a:ln w="571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4400" dirty="0">
                <a:solidFill>
                  <a:schemeClr val="tx1"/>
                </a:solidFill>
              </a:rPr>
              <a:t>4</a:t>
            </a:r>
          </a:p>
        </p:txBody>
      </p:sp>
      <p:pic>
        <p:nvPicPr>
          <p:cNvPr id="4" name="Resim 3"/>
          <p:cNvPicPr>
            <a:picLocks noChangeAspect="1"/>
          </p:cNvPicPr>
          <p:nvPr/>
        </p:nvPicPr>
        <p:blipFill rotWithShape="1">
          <a:blip r:embed="rId4"/>
          <a:srcRect l="7875" r="10776" b="347"/>
          <a:stretch/>
        </p:blipFill>
        <p:spPr>
          <a:xfrm>
            <a:off x="6094666" y="1663910"/>
            <a:ext cx="5726243" cy="4527028"/>
          </a:xfrm>
          <a:prstGeom prst="rect">
            <a:avLst/>
          </a:prstGeom>
        </p:spPr>
      </p:pic>
      <p:sp>
        <p:nvSpPr>
          <p:cNvPr id="5" name="Dikdörtgen 4"/>
          <p:cNvSpPr/>
          <p:nvPr/>
        </p:nvSpPr>
        <p:spPr>
          <a:xfrm>
            <a:off x="359765" y="3432746"/>
            <a:ext cx="5464342" cy="1873772"/>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sz="4000" dirty="0">
                <a:solidFill>
                  <a:schemeClr val="tx1"/>
                </a:solidFill>
              </a:rPr>
              <a:t>Kur’an-ı Kerim’i niçin okumalıyız?</a:t>
            </a:r>
          </a:p>
        </p:txBody>
      </p:sp>
    </p:spTree>
    <p:custDataLst>
      <p:tags r:id="rId1"/>
    </p:custDataLst>
    <p:extLst>
      <p:ext uri="{BB962C8B-B14F-4D97-AF65-F5344CB8AC3E}">
        <p14:creationId xmlns:p14="http://schemas.microsoft.com/office/powerpoint/2010/main" val="35248425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left)">
                                      <p:cBhvr>
                                        <p:cTn id="7" dur="500"/>
                                        <p:tgtEl>
                                          <p:spTgt spid="5"/>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wipe(left)">
                                      <p:cBhvr>
                                        <p:cTn id="11"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ola Bükülü Ok 2"/>
          <p:cNvSpPr/>
          <p:nvPr/>
        </p:nvSpPr>
        <p:spPr>
          <a:xfrm flipH="1">
            <a:off x="259214" y="4150303"/>
            <a:ext cx="1068225" cy="2259611"/>
          </a:xfrm>
          <a:prstGeom prst="curvedLeftArrow">
            <a:avLst>
              <a:gd name="adj1" fmla="val 18203"/>
              <a:gd name="adj2" fmla="val 50000"/>
              <a:gd name="adj3" fmla="val 25000"/>
            </a:avLst>
          </a:prstGeom>
          <a:solidFill>
            <a:schemeClr val="accent6">
              <a:lumMod val="40000"/>
              <a:lumOff val="60000"/>
            </a:schemeClr>
          </a:solidFill>
          <a:ln>
            <a:solidFill>
              <a:srgbClr val="92D050"/>
            </a:solid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맑은 고딕"/>
              <a:cs typeface="+mn-cs"/>
            </a:endParaRPr>
          </a:p>
        </p:txBody>
      </p:sp>
      <p:sp>
        <p:nvSpPr>
          <p:cNvPr id="4" name="Yuvarlatılmış Dikdörtgen 3"/>
          <p:cNvSpPr/>
          <p:nvPr/>
        </p:nvSpPr>
        <p:spPr>
          <a:xfrm>
            <a:off x="1501653" y="5705293"/>
            <a:ext cx="5713330" cy="891371"/>
          </a:xfrm>
          <a:prstGeom prst="roundRect">
            <a:avLst/>
          </a:prstGeom>
          <a:solidFill>
            <a:schemeClr val="accent1">
              <a:lumMod val="60000"/>
              <a:lumOff val="40000"/>
            </a:schemeClr>
          </a:solidFill>
          <a:ln w="3810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맑은 고딕"/>
                <a:cs typeface="+mn-cs"/>
              </a:rPr>
              <a:t>Ayetlere göre Kur’an nasıl okunmalı?</a:t>
            </a:r>
          </a:p>
        </p:txBody>
      </p:sp>
      <p:sp>
        <p:nvSpPr>
          <p:cNvPr id="2" name="Rectangle: Rounded Corners 92">
            <a:extLst>
              <a:ext uri="{FF2B5EF4-FFF2-40B4-BE49-F238E27FC236}">
                <a16:creationId xmlns:a16="http://schemas.microsoft.com/office/drawing/2014/main" id="{28826CAE-B489-4266-9A13-1246AF5F11B8}"/>
              </a:ext>
            </a:extLst>
          </p:cNvPr>
          <p:cNvSpPr/>
          <p:nvPr/>
        </p:nvSpPr>
        <p:spPr>
          <a:xfrm>
            <a:off x="259215" y="333214"/>
            <a:ext cx="6955768" cy="4471261"/>
          </a:xfrm>
          <a:prstGeom prst="roundRect">
            <a:avLst>
              <a:gd name="adj" fmla="val 3716"/>
            </a:avLst>
          </a:prstGeom>
          <a:solidFill>
            <a:schemeClr val="accent4">
              <a:lumMod val="40000"/>
              <a:lumOff val="60000"/>
            </a:schemeClr>
          </a:solidFill>
          <a:ln w="12700" cap="flat" cmpd="sng" algn="ctr">
            <a:solidFill>
              <a:schemeClr val="accent4">
                <a:lumMod val="40000"/>
                <a:lumOff val="60000"/>
              </a:schemeClr>
            </a:solidFill>
            <a:prstDash val="solid"/>
            <a:miter lim="800000"/>
          </a:ln>
          <a:effectLst/>
        </p:spPr>
        <p:txBody>
          <a:bodyPr rtlCol="0" anchor="ct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rial"/>
                <a:ea typeface="맑은 고딕"/>
                <a:cs typeface="+mn-cs"/>
              </a:rPr>
              <a:t>Kur’an’ı tane tane hakkını vererek oku!”</a:t>
            </a:r>
          </a:p>
          <a:p>
            <a:pPr marL="0" marR="0" lvl="0" indent="0" algn="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err="1">
                <a:ln>
                  <a:noFill/>
                </a:ln>
                <a:solidFill>
                  <a:prstClr val="black"/>
                </a:solidFill>
                <a:effectLst/>
                <a:uLnTx/>
                <a:uFillTx/>
                <a:latin typeface="Arial"/>
                <a:ea typeface="맑은 고딕"/>
                <a:cs typeface="+mn-cs"/>
              </a:rPr>
              <a:t>Müzzemmil</a:t>
            </a:r>
            <a:r>
              <a:rPr kumimoji="0" lang="tr-TR" sz="2400" b="0" i="0" u="none" strike="noStrike" kern="1200" cap="none" spc="0" normalizeH="0" baseline="0" noProof="0" dirty="0">
                <a:ln>
                  <a:noFill/>
                </a:ln>
                <a:solidFill>
                  <a:prstClr val="black"/>
                </a:solidFill>
                <a:effectLst/>
                <a:uLnTx/>
                <a:uFillTx/>
                <a:latin typeface="Arial"/>
                <a:ea typeface="맑은 고딕"/>
                <a:cs typeface="+mn-cs"/>
              </a:rPr>
              <a:t> suresi, 4. ayet. </a:t>
            </a:r>
          </a:p>
          <a:p>
            <a:pPr marL="0" marR="0" lvl="0" indent="0" algn="r" defTabSz="914400" rtl="0" eaLnBrk="1" fontAlgn="auto" latinLnBrk="0" hangingPunct="1">
              <a:lnSpc>
                <a:spcPct val="100000"/>
              </a:lnSpc>
              <a:spcBef>
                <a:spcPts val="0"/>
              </a:spcBef>
              <a:spcAft>
                <a:spcPts val="0"/>
              </a:spcAft>
              <a:buClrTx/>
              <a:buSzTx/>
              <a:buFontTx/>
              <a:buNone/>
              <a:tabLst/>
              <a:defRPr/>
            </a:pPr>
            <a:endParaRPr kumimoji="0" lang="tr-TR" sz="2000" b="1" i="0" u="none" strike="noStrike" kern="0" cap="all" spc="0" normalizeH="0" baseline="0" noProof="0" dirty="0">
              <a:ln>
                <a:noFill/>
              </a:ln>
              <a:solidFill>
                <a:prstClr val="black"/>
              </a:solidFill>
              <a:effectLst/>
              <a:uLnTx/>
              <a:uFillTx/>
              <a:latin typeface="Arial"/>
              <a:ea typeface="맑은 고딕"/>
              <a:cs typeface="+mn-cs"/>
            </a:endParaRPr>
          </a:p>
          <a:p>
            <a:pPr marL="0" marR="0" lvl="0" indent="0" algn="just"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rial"/>
                <a:ea typeface="맑은 고딕"/>
                <a:cs typeface="+mn-cs"/>
              </a:rPr>
              <a:t>“Bu Kur’an, âyetlerini düşünsünler ve akıl sahipleri öğüt alsınlar diye sana indirdiğimiz mübarek bir kitaptır.”</a:t>
            </a:r>
          </a:p>
          <a:p>
            <a:pPr marL="0" marR="0" lvl="0" indent="0" algn="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err="1">
                <a:ln>
                  <a:noFill/>
                </a:ln>
                <a:solidFill>
                  <a:prstClr val="black"/>
                </a:solidFill>
                <a:effectLst/>
                <a:uLnTx/>
                <a:uFillTx/>
                <a:latin typeface="Arial"/>
                <a:ea typeface="맑은 고딕"/>
                <a:cs typeface="+mn-cs"/>
              </a:rPr>
              <a:t>Sâd</a:t>
            </a:r>
            <a:r>
              <a:rPr kumimoji="0" lang="tr-TR" sz="3200" b="0" i="0" u="none" strike="noStrike" kern="1200" cap="none" spc="0" normalizeH="0" baseline="0" noProof="0" dirty="0">
                <a:ln>
                  <a:noFill/>
                </a:ln>
                <a:solidFill>
                  <a:prstClr val="black"/>
                </a:solidFill>
                <a:effectLst/>
                <a:uLnTx/>
                <a:uFillTx/>
                <a:latin typeface="Arial"/>
                <a:ea typeface="맑은 고딕"/>
                <a:cs typeface="+mn-cs"/>
              </a:rPr>
              <a:t> suresi, 29. ayet.</a:t>
            </a:r>
            <a:endParaRPr kumimoji="0" lang="tr-TR" sz="3200" b="1" i="0" u="none" strike="noStrike" kern="0" cap="all" spc="0" normalizeH="0" baseline="0" noProof="0" dirty="0">
              <a:ln>
                <a:noFill/>
              </a:ln>
              <a:solidFill>
                <a:prstClr val="black"/>
              </a:solidFill>
              <a:effectLst/>
              <a:uLnTx/>
              <a:uFillTx/>
              <a:latin typeface="Arial"/>
              <a:ea typeface="맑은 고딕"/>
              <a:cs typeface="+mn-cs"/>
            </a:endParaRPr>
          </a:p>
        </p:txBody>
      </p:sp>
      <p:pic>
        <p:nvPicPr>
          <p:cNvPr id="6" name="Resim 5"/>
          <p:cNvPicPr>
            <a:picLocks noChangeAspect="1"/>
          </p:cNvPicPr>
          <p:nvPr/>
        </p:nvPicPr>
        <p:blipFill rotWithShape="1">
          <a:blip r:embed="rId4"/>
          <a:srcRect l="19995" r="2976" b="2103"/>
          <a:stretch/>
        </p:blipFill>
        <p:spPr>
          <a:xfrm>
            <a:off x="7377193" y="697424"/>
            <a:ext cx="4680488" cy="3967566"/>
          </a:xfrm>
          <a:prstGeom prst="rect">
            <a:avLst/>
          </a:prstGeom>
        </p:spPr>
      </p:pic>
    </p:spTree>
    <p:custDataLst>
      <p:tags r:id="rId1"/>
    </p:custDataLst>
    <p:extLst>
      <p:ext uri="{BB962C8B-B14F-4D97-AF65-F5344CB8AC3E}">
        <p14:creationId xmlns:p14="http://schemas.microsoft.com/office/powerpoint/2010/main" val="145383587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6"/>
                                        </p:tgtEl>
                                        <p:attrNameLst>
                                          <p:attrName>style.visibility</p:attrName>
                                        </p:attrNameLst>
                                      </p:cBhvr>
                                      <p:to>
                                        <p:strVal val="visible"/>
                                      </p:to>
                                    </p:set>
                                    <p:animEffect transition="in" filter="wipe(down)">
                                      <p:cBhvr>
                                        <p:cTn id="11" dur="500"/>
                                        <p:tgtEl>
                                          <p:spTgt spid="6"/>
                                        </p:tgtEl>
                                      </p:cBhvr>
                                    </p:animEffect>
                                  </p:childTnLst>
                                </p:cTn>
                              </p:par>
                            </p:childTnLst>
                          </p:cTn>
                        </p:par>
                        <p:par>
                          <p:cTn id="12" fill="hold">
                            <p:stCondLst>
                              <p:cond delay="1000"/>
                            </p:stCondLst>
                            <p:childTnLst>
                              <p:par>
                                <p:cTn id="13" presetID="22" presetClass="entr" presetSubtype="2" fill="hold" grpId="0" nodeType="afterEffect">
                                  <p:stCondLst>
                                    <p:cond delay="0"/>
                                  </p:stCondLst>
                                  <p:childTnLst>
                                    <p:set>
                                      <p:cBhvr>
                                        <p:cTn id="14" dur="1" fill="hold">
                                          <p:stCondLst>
                                            <p:cond delay="0"/>
                                          </p:stCondLst>
                                        </p:cTn>
                                        <p:tgtEl>
                                          <p:spTgt spid="3"/>
                                        </p:tgtEl>
                                        <p:attrNameLst>
                                          <p:attrName>style.visibility</p:attrName>
                                        </p:attrNameLst>
                                      </p:cBhvr>
                                      <p:to>
                                        <p:strVal val="visible"/>
                                      </p:to>
                                    </p:set>
                                    <p:animEffect transition="in" filter="wipe(right)">
                                      <p:cBhvr>
                                        <p:cTn id="15" dur="500"/>
                                        <p:tgtEl>
                                          <p:spTgt spid="3"/>
                                        </p:tgtEl>
                                      </p:cBhvr>
                                    </p:animEffect>
                                  </p:childTnLst>
                                </p:cTn>
                              </p:par>
                            </p:childTnLst>
                          </p:cTn>
                        </p:par>
                        <p:par>
                          <p:cTn id="16" fill="hold">
                            <p:stCondLst>
                              <p:cond delay="1500"/>
                            </p:stCondLst>
                            <p:childTnLst>
                              <p:par>
                                <p:cTn id="17" presetID="22" presetClass="entr" presetSubtype="2" fill="hold" grpId="0" nodeType="afterEffect">
                                  <p:stCondLst>
                                    <p:cond delay="0"/>
                                  </p:stCondLst>
                                  <p:childTnLst>
                                    <p:set>
                                      <p:cBhvr>
                                        <p:cTn id="18" dur="1" fill="hold">
                                          <p:stCondLst>
                                            <p:cond delay="0"/>
                                          </p:stCondLst>
                                        </p:cTn>
                                        <p:tgtEl>
                                          <p:spTgt spid="4"/>
                                        </p:tgtEl>
                                        <p:attrNameLst>
                                          <p:attrName>style.visibility</p:attrName>
                                        </p:attrNameLst>
                                      </p:cBhvr>
                                      <p:to>
                                        <p:strVal val="visible"/>
                                      </p:to>
                                    </p:set>
                                    <p:animEffect transition="in" filter="wipe(right)">
                                      <p:cBhvr>
                                        <p:cTn id="19"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2"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C2BFAE1-45D3-4B3B-81D2-0BF25FA84FB8}"/>
              </a:ext>
            </a:extLst>
          </p:cNvPr>
          <p:cNvSpPr txBox="1">
            <a:spLocks/>
          </p:cNvSpPr>
          <p:nvPr/>
        </p:nvSpPr>
        <p:spPr>
          <a:xfrm>
            <a:off x="3557073" y="69966"/>
            <a:ext cx="5862403" cy="739056"/>
          </a:xfrm>
          <a:prstGeom prst="rect">
            <a:avLst/>
          </a:prstGeom>
        </p:spPr>
        <p:txBody>
          <a:bodyPr rIns="0" anchor="ctr">
            <a:normAutofit fontScale="92500"/>
          </a:bodyPr>
          <a:lstStyle>
            <a:lvl1pPr algn="l" defTabSz="914400" rtl="0" eaLnBrk="1" latinLnBrk="0" hangingPunct="1">
              <a:lnSpc>
                <a:spcPct val="90000"/>
              </a:lnSpc>
              <a:spcBef>
                <a:spcPct val="0"/>
              </a:spcBef>
              <a:buNone/>
              <a:defRPr lang="en-US" sz="3600" b="1" kern="1200">
                <a:solidFill>
                  <a:schemeClr val="tx1"/>
                </a:solidFill>
                <a:latin typeface="Helvetica" panose="020B0500000000000000" pitchFamily="34" charset="0"/>
                <a:ea typeface="+mj-ea"/>
                <a:cs typeface="+mj-cs"/>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tr-TR" sz="3200" b="1" i="0" u="none" strike="noStrike" kern="1200" cap="none" spc="0" normalizeH="0" baseline="0" noProof="0" dirty="0">
                <a:ln>
                  <a:noFill/>
                </a:ln>
                <a:solidFill>
                  <a:sysClr val="windowText" lastClr="000000"/>
                </a:solidFill>
                <a:effectLst/>
                <a:uLnTx/>
                <a:uFillTx/>
                <a:latin typeface="+mn-lt"/>
                <a:ea typeface="+mj-ea"/>
                <a:cs typeface="+mj-cs"/>
              </a:rPr>
              <a:t>Niçin Kur’an Okunur? Üç hedef</a:t>
            </a:r>
          </a:p>
        </p:txBody>
      </p:sp>
      <p:sp>
        <p:nvSpPr>
          <p:cNvPr id="12" name="Freeform: Shape 88">
            <a:extLst>
              <a:ext uri="{FF2B5EF4-FFF2-40B4-BE49-F238E27FC236}">
                <a16:creationId xmlns:a16="http://schemas.microsoft.com/office/drawing/2014/main" id="{E181CB74-D2E0-4D70-859B-C40364F925E3}"/>
              </a:ext>
            </a:extLst>
          </p:cNvPr>
          <p:cNvSpPr/>
          <p:nvPr/>
        </p:nvSpPr>
        <p:spPr>
          <a:xfrm>
            <a:off x="7289663" y="4448813"/>
            <a:ext cx="598217" cy="598217"/>
          </a:xfrm>
          <a:custGeom>
            <a:avLst/>
            <a:gdLst/>
            <a:ahLst/>
            <a:cxnLst/>
            <a:rect l="l" t="t" r="r" b="b"/>
            <a:pathLst>
              <a:path w="1651000" h="1651000">
                <a:moveTo>
                  <a:pt x="813229" y="376158"/>
                </a:moveTo>
                <a:lnTo>
                  <a:pt x="514382" y="619641"/>
                </a:lnTo>
                <a:lnTo>
                  <a:pt x="636421" y="769660"/>
                </a:lnTo>
                <a:lnTo>
                  <a:pt x="735243" y="688102"/>
                </a:lnTo>
                <a:cubicBezTo>
                  <a:pt x="757071" y="668655"/>
                  <a:pt x="775328" y="650002"/>
                  <a:pt x="790012" y="632143"/>
                </a:cubicBezTo>
                <a:cubicBezTo>
                  <a:pt x="787631" y="678577"/>
                  <a:pt x="786440" y="729774"/>
                  <a:pt x="786440" y="785733"/>
                </a:cubicBezTo>
                <a:lnTo>
                  <a:pt x="786440" y="1246505"/>
                </a:lnTo>
                <a:lnTo>
                  <a:pt x="1025161" y="1246505"/>
                </a:lnTo>
                <a:lnTo>
                  <a:pt x="1025161" y="376158"/>
                </a:lnTo>
                <a:close/>
                <a:moveTo>
                  <a:pt x="825500" y="0"/>
                </a:moveTo>
                <a:cubicBezTo>
                  <a:pt x="1281411" y="0"/>
                  <a:pt x="1651000" y="369589"/>
                  <a:pt x="1651000" y="825500"/>
                </a:cubicBezTo>
                <a:cubicBezTo>
                  <a:pt x="1651000" y="1281411"/>
                  <a:pt x="1281411" y="1651000"/>
                  <a:pt x="825500" y="1651000"/>
                </a:cubicBezTo>
                <a:cubicBezTo>
                  <a:pt x="369589" y="1651000"/>
                  <a:pt x="0" y="1281411"/>
                  <a:pt x="0" y="825500"/>
                </a:cubicBezTo>
                <a:cubicBezTo>
                  <a:pt x="0" y="369589"/>
                  <a:pt x="369589" y="0"/>
                  <a:pt x="825500" y="0"/>
                </a:cubicBezTo>
                <a:close/>
              </a:path>
            </a:pathLst>
          </a:custGeom>
          <a:solidFill>
            <a:sysClr val="windowText" lastClr="000000">
              <a:lumMod val="85000"/>
              <a:lumOff val="15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3" name="Freeform: Shape 89">
            <a:extLst>
              <a:ext uri="{FF2B5EF4-FFF2-40B4-BE49-F238E27FC236}">
                <a16:creationId xmlns:a16="http://schemas.microsoft.com/office/drawing/2014/main" id="{63CC42CD-B0B8-4DEA-9AB2-1C7E100C138B}"/>
              </a:ext>
            </a:extLst>
          </p:cNvPr>
          <p:cNvSpPr/>
          <p:nvPr/>
        </p:nvSpPr>
        <p:spPr>
          <a:xfrm>
            <a:off x="3568874" y="3138741"/>
            <a:ext cx="598217" cy="598217"/>
          </a:xfrm>
          <a:custGeom>
            <a:avLst/>
            <a:gdLst/>
            <a:ahLst/>
            <a:cxnLst/>
            <a:rect l="l" t="t" r="r" b="b"/>
            <a:pathLst>
              <a:path w="1651000" h="1651000">
                <a:moveTo>
                  <a:pt x="825136" y="363657"/>
                </a:moveTo>
                <a:cubicBezTo>
                  <a:pt x="780289" y="363657"/>
                  <a:pt x="739907" y="368221"/>
                  <a:pt x="703990" y="377349"/>
                </a:cubicBezTo>
                <a:cubicBezTo>
                  <a:pt x="668072" y="386477"/>
                  <a:pt x="634834" y="399673"/>
                  <a:pt x="604275" y="416937"/>
                </a:cubicBezTo>
                <a:cubicBezTo>
                  <a:pt x="573715" y="434201"/>
                  <a:pt x="536012" y="462876"/>
                  <a:pt x="491165" y="502960"/>
                </a:cubicBezTo>
                <a:lnTo>
                  <a:pt x="620348" y="654169"/>
                </a:lnTo>
                <a:cubicBezTo>
                  <a:pt x="655670" y="623610"/>
                  <a:pt x="687321" y="600492"/>
                  <a:pt x="715300" y="584815"/>
                </a:cubicBezTo>
                <a:cubicBezTo>
                  <a:pt x="743280" y="569139"/>
                  <a:pt x="770962" y="561301"/>
                  <a:pt x="798347" y="561301"/>
                </a:cubicBezTo>
                <a:cubicBezTo>
                  <a:pt x="824937" y="561301"/>
                  <a:pt x="845575" y="567849"/>
                  <a:pt x="860259" y="580946"/>
                </a:cubicBezTo>
                <a:cubicBezTo>
                  <a:pt x="874943" y="594043"/>
                  <a:pt x="882286" y="611902"/>
                  <a:pt x="882286" y="634524"/>
                </a:cubicBezTo>
                <a:cubicBezTo>
                  <a:pt x="882286" y="652780"/>
                  <a:pt x="878615" y="670243"/>
                  <a:pt x="871272" y="686911"/>
                </a:cubicBezTo>
                <a:cubicBezTo>
                  <a:pt x="863930" y="703580"/>
                  <a:pt x="850932" y="723523"/>
                  <a:pt x="832279" y="746740"/>
                </a:cubicBezTo>
                <a:cubicBezTo>
                  <a:pt x="813626" y="769958"/>
                  <a:pt x="773939" y="813316"/>
                  <a:pt x="713217" y="876816"/>
                </a:cubicBezTo>
                <a:lnTo>
                  <a:pt x="500690" y="1091724"/>
                </a:lnTo>
                <a:lnTo>
                  <a:pt x="500690" y="1246505"/>
                </a:lnTo>
                <a:lnTo>
                  <a:pt x="1132317" y="1246505"/>
                </a:lnTo>
                <a:lnTo>
                  <a:pt x="1132317" y="1052433"/>
                </a:lnTo>
                <a:lnTo>
                  <a:pt x="803109" y="1052433"/>
                </a:lnTo>
                <a:lnTo>
                  <a:pt x="803109" y="1046480"/>
                </a:lnTo>
                <a:cubicBezTo>
                  <a:pt x="899550" y="959961"/>
                  <a:pt x="962554" y="901224"/>
                  <a:pt x="992121" y="870268"/>
                </a:cubicBezTo>
                <a:cubicBezTo>
                  <a:pt x="1021688" y="839311"/>
                  <a:pt x="1045401" y="809843"/>
                  <a:pt x="1063261" y="781864"/>
                </a:cubicBezTo>
                <a:cubicBezTo>
                  <a:pt x="1081120" y="753884"/>
                  <a:pt x="1094316" y="725408"/>
                  <a:pt x="1102849" y="696436"/>
                </a:cubicBezTo>
                <a:cubicBezTo>
                  <a:pt x="1111382" y="667465"/>
                  <a:pt x="1115648" y="635913"/>
                  <a:pt x="1115648" y="601782"/>
                </a:cubicBezTo>
                <a:cubicBezTo>
                  <a:pt x="1115648" y="556141"/>
                  <a:pt x="1103444" y="514965"/>
                  <a:pt x="1079036" y="478254"/>
                </a:cubicBezTo>
                <a:cubicBezTo>
                  <a:pt x="1054629" y="441544"/>
                  <a:pt x="1020299" y="413266"/>
                  <a:pt x="976047" y="393422"/>
                </a:cubicBezTo>
                <a:cubicBezTo>
                  <a:pt x="931796" y="373579"/>
                  <a:pt x="881492" y="363657"/>
                  <a:pt x="825136" y="363657"/>
                </a:cubicBezTo>
                <a:close/>
                <a:moveTo>
                  <a:pt x="825500" y="0"/>
                </a:moveTo>
                <a:cubicBezTo>
                  <a:pt x="1281411" y="0"/>
                  <a:pt x="1651000" y="369589"/>
                  <a:pt x="1651000" y="825500"/>
                </a:cubicBezTo>
                <a:cubicBezTo>
                  <a:pt x="1651000" y="1281411"/>
                  <a:pt x="1281411" y="1651000"/>
                  <a:pt x="825500" y="1651000"/>
                </a:cubicBezTo>
                <a:cubicBezTo>
                  <a:pt x="369589" y="1651000"/>
                  <a:pt x="0" y="1281411"/>
                  <a:pt x="0" y="825500"/>
                </a:cubicBezTo>
                <a:cubicBezTo>
                  <a:pt x="0" y="369589"/>
                  <a:pt x="369589" y="0"/>
                  <a:pt x="825500" y="0"/>
                </a:cubicBezTo>
                <a:close/>
              </a:path>
            </a:pathLst>
          </a:custGeom>
          <a:solidFill>
            <a:sysClr val="windowText" lastClr="000000">
              <a:lumMod val="85000"/>
              <a:lumOff val="15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4" name="Freeform: Shape 90">
            <a:extLst>
              <a:ext uri="{FF2B5EF4-FFF2-40B4-BE49-F238E27FC236}">
                <a16:creationId xmlns:a16="http://schemas.microsoft.com/office/drawing/2014/main" id="{C4F135A3-F84B-4B88-B6D4-C54E839DEA17}"/>
              </a:ext>
            </a:extLst>
          </p:cNvPr>
          <p:cNvSpPr/>
          <p:nvPr/>
        </p:nvSpPr>
        <p:spPr>
          <a:xfrm>
            <a:off x="7338468" y="1205750"/>
            <a:ext cx="598217" cy="598217"/>
          </a:xfrm>
          <a:custGeom>
            <a:avLst/>
            <a:gdLst/>
            <a:ahLst/>
            <a:cxnLst/>
            <a:rect l="l" t="t" r="r" b="b"/>
            <a:pathLst>
              <a:path w="1651000" h="1651000">
                <a:moveTo>
                  <a:pt x="814420" y="363657"/>
                </a:moveTo>
                <a:cubicBezTo>
                  <a:pt x="752111" y="363657"/>
                  <a:pt x="696846" y="370404"/>
                  <a:pt x="648625" y="383897"/>
                </a:cubicBezTo>
                <a:cubicBezTo>
                  <a:pt x="600405" y="397391"/>
                  <a:pt x="553276" y="420013"/>
                  <a:pt x="507239" y="451763"/>
                </a:cubicBezTo>
                <a:lnTo>
                  <a:pt x="604870" y="608926"/>
                </a:lnTo>
                <a:cubicBezTo>
                  <a:pt x="664401" y="571619"/>
                  <a:pt x="721948" y="552966"/>
                  <a:pt x="777511" y="552966"/>
                </a:cubicBezTo>
                <a:cubicBezTo>
                  <a:pt x="807276" y="552966"/>
                  <a:pt x="830990" y="558522"/>
                  <a:pt x="848650" y="569635"/>
                </a:cubicBezTo>
                <a:cubicBezTo>
                  <a:pt x="866311" y="580747"/>
                  <a:pt x="875142" y="597813"/>
                  <a:pt x="875142" y="620832"/>
                </a:cubicBezTo>
                <a:cubicBezTo>
                  <a:pt x="875142" y="681951"/>
                  <a:pt x="815412" y="712510"/>
                  <a:pt x="695953" y="712510"/>
                </a:cubicBezTo>
                <a:lnTo>
                  <a:pt x="641184" y="712510"/>
                </a:lnTo>
                <a:lnTo>
                  <a:pt x="641184" y="889318"/>
                </a:lnTo>
                <a:lnTo>
                  <a:pt x="694762" y="889318"/>
                </a:lnTo>
                <a:cubicBezTo>
                  <a:pt x="738815" y="889318"/>
                  <a:pt x="774534" y="892592"/>
                  <a:pt x="801918" y="899140"/>
                </a:cubicBezTo>
                <a:cubicBezTo>
                  <a:pt x="829303" y="905689"/>
                  <a:pt x="849147" y="915412"/>
                  <a:pt x="861450" y="928311"/>
                </a:cubicBezTo>
                <a:cubicBezTo>
                  <a:pt x="873753" y="941209"/>
                  <a:pt x="879904" y="959565"/>
                  <a:pt x="879904" y="983377"/>
                </a:cubicBezTo>
                <a:cubicBezTo>
                  <a:pt x="879904" y="1014333"/>
                  <a:pt x="868097" y="1037054"/>
                  <a:pt x="844483" y="1051540"/>
                </a:cubicBezTo>
                <a:cubicBezTo>
                  <a:pt x="820869" y="1066026"/>
                  <a:pt x="783265" y="1073269"/>
                  <a:pt x="731672" y="1073269"/>
                </a:cubicBezTo>
                <a:cubicBezTo>
                  <a:pt x="698334" y="1073269"/>
                  <a:pt x="661921" y="1068606"/>
                  <a:pt x="622432" y="1059279"/>
                </a:cubicBezTo>
                <a:cubicBezTo>
                  <a:pt x="582943" y="1049953"/>
                  <a:pt x="544148" y="1035566"/>
                  <a:pt x="506048" y="1016119"/>
                </a:cubicBezTo>
                <a:lnTo>
                  <a:pt x="506048" y="1211382"/>
                </a:lnTo>
                <a:cubicBezTo>
                  <a:pt x="552483" y="1229241"/>
                  <a:pt x="595643" y="1241544"/>
                  <a:pt x="635529" y="1248291"/>
                </a:cubicBezTo>
                <a:cubicBezTo>
                  <a:pt x="675415" y="1255038"/>
                  <a:pt x="718773" y="1258411"/>
                  <a:pt x="765604" y="1258411"/>
                </a:cubicBezTo>
                <a:cubicBezTo>
                  <a:pt x="879507" y="1258411"/>
                  <a:pt x="968507" y="1235194"/>
                  <a:pt x="1032602" y="1188760"/>
                </a:cubicBezTo>
                <a:cubicBezTo>
                  <a:pt x="1096697" y="1142325"/>
                  <a:pt x="1128745" y="1078627"/>
                  <a:pt x="1128745" y="997665"/>
                </a:cubicBezTo>
                <a:cubicBezTo>
                  <a:pt x="1128745" y="878602"/>
                  <a:pt x="1056117" y="809943"/>
                  <a:pt x="910861" y="791686"/>
                </a:cubicBezTo>
                <a:lnTo>
                  <a:pt x="910861" y="788115"/>
                </a:lnTo>
                <a:cubicBezTo>
                  <a:pt x="973170" y="770652"/>
                  <a:pt x="1020795" y="742573"/>
                  <a:pt x="1053736" y="703878"/>
                </a:cubicBezTo>
                <a:cubicBezTo>
                  <a:pt x="1086676" y="665183"/>
                  <a:pt x="1103146" y="618847"/>
                  <a:pt x="1103146" y="564872"/>
                </a:cubicBezTo>
                <a:cubicBezTo>
                  <a:pt x="1103146" y="502166"/>
                  <a:pt x="1077548" y="452954"/>
                  <a:pt x="1026351" y="417235"/>
                </a:cubicBezTo>
                <a:cubicBezTo>
                  <a:pt x="975154" y="381516"/>
                  <a:pt x="904511" y="363657"/>
                  <a:pt x="814420" y="363657"/>
                </a:cubicBezTo>
                <a:close/>
                <a:moveTo>
                  <a:pt x="825500" y="0"/>
                </a:moveTo>
                <a:cubicBezTo>
                  <a:pt x="1281411" y="0"/>
                  <a:pt x="1651000" y="369589"/>
                  <a:pt x="1651000" y="825500"/>
                </a:cubicBezTo>
                <a:cubicBezTo>
                  <a:pt x="1651000" y="1281411"/>
                  <a:pt x="1281411" y="1651000"/>
                  <a:pt x="825500" y="1651000"/>
                </a:cubicBezTo>
                <a:cubicBezTo>
                  <a:pt x="369589" y="1651000"/>
                  <a:pt x="0" y="1281411"/>
                  <a:pt x="0" y="825500"/>
                </a:cubicBezTo>
                <a:cubicBezTo>
                  <a:pt x="0" y="369589"/>
                  <a:pt x="369589" y="0"/>
                  <a:pt x="825500" y="0"/>
                </a:cubicBezTo>
                <a:close/>
              </a:path>
            </a:pathLst>
          </a:custGeom>
          <a:solidFill>
            <a:sysClr val="windowText" lastClr="000000">
              <a:lumMod val="85000"/>
              <a:lumOff val="15000"/>
            </a:sys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panose="020F0502020204030204"/>
              <a:ea typeface="+mn-ea"/>
              <a:cs typeface="+mn-cs"/>
            </a:endParaRPr>
          </a:p>
        </p:txBody>
      </p:sp>
      <p:sp>
        <p:nvSpPr>
          <p:cNvPr id="16" name="Freeform: Shape 110">
            <a:extLst>
              <a:ext uri="{FF2B5EF4-FFF2-40B4-BE49-F238E27FC236}">
                <a16:creationId xmlns:a16="http://schemas.microsoft.com/office/drawing/2014/main" id="{E6BB8ECD-B5A3-4E98-8516-9F3C72A8A4D4}"/>
              </a:ext>
            </a:extLst>
          </p:cNvPr>
          <p:cNvSpPr/>
          <p:nvPr/>
        </p:nvSpPr>
        <p:spPr>
          <a:xfrm>
            <a:off x="5295063" y="2254151"/>
            <a:ext cx="2328978" cy="2490811"/>
          </a:xfrm>
          <a:custGeom>
            <a:avLst/>
            <a:gdLst>
              <a:gd name="connsiteX0" fmla="*/ 2337389 w 3088271"/>
              <a:gd name="connsiteY0" fmla="*/ 0 h 2641864"/>
              <a:gd name="connsiteX1" fmla="*/ 3082586 w 3088271"/>
              <a:gd name="connsiteY1" fmla="*/ 202154 h 2641864"/>
              <a:gd name="connsiteX2" fmla="*/ 3085565 w 3088271"/>
              <a:gd name="connsiteY2" fmla="*/ 201493 h 2641864"/>
              <a:gd name="connsiteX3" fmla="*/ 3085565 w 3088271"/>
              <a:gd name="connsiteY3" fmla="*/ 202962 h 2641864"/>
              <a:gd name="connsiteX4" fmla="*/ 3088271 w 3088271"/>
              <a:gd name="connsiteY4" fmla="*/ 203696 h 2641864"/>
              <a:gd name="connsiteX5" fmla="*/ 3085565 w 3088271"/>
              <a:gd name="connsiteY5" fmla="*/ 204296 h 2641864"/>
              <a:gd name="connsiteX6" fmla="*/ 3085565 w 3088271"/>
              <a:gd name="connsiteY6" fmla="*/ 2114699 h 2641864"/>
              <a:gd name="connsiteX7" fmla="*/ 765016 w 3088271"/>
              <a:gd name="connsiteY7" fmla="*/ 2641864 h 2641864"/>
              <a:gd name="connsiteX8" fmla="*/ 765016 w 3088271"/>
              <a:gd name="connsiteY8" fmla="*/ 2585939 h 2641864"/>
              <a:gd name="connsiteX9" fmla="*/ 765016 w 3088271"/>
              <a:gd name="connsiteY9" fmla="*/ 2330378 h 2641864"/>
              <a:gd name="connsiteX10" fmla="*/ 765016 w 3088271"/>
              <a:gd name="connsiteY10" fmla="*/ 2158535 h 2641864"/>
              <a:gd name="connsiteX11" fmla="*/ 765016 w 3088271"/>
              <a:gd name="connsiteY11" fmla="*/ 1756893 h 2641864"/>
              <a:gd name="connsiteX12" fmla="*/ 0 w 3088271"/>
              <a:gd name="connsiteY12" fmla="*/ 1591268 h 2641864"/>
              <a:gd name="connsiteX13" fmla="*/ 794824 w 3088271"/>
              <a:gd name="connsiteY13" fmla="*/ 1387571 h 2641864"/>
              <a:gd name="connsiteX14" fmla="*/ 1533449 w 3088271"/>
              <a:gd name="connsiteY14" fmla="*/ 1587942 h 2641864"/>
              <a:gd name="connsiteX15" fmla="*/ 1535847 w 3088271"/>
              <a:gd name="connsiteY15" fmla="*/ 1587421 h 2641864"/>
              <a:gd name="connsiteX16" fmla="*/ 1535847 w 3088271"/>
              <a:gd name="connsiteY16" fmla="*/ 1180014 h 2641864"/>
              <a:gd name="connsiteX17" fmla="*/ 1537235 w 3088271"/>
              <a:gd name="connsiteY17" fmla="*/ 1179714 h 2641864"/>
              <a:gd name="connsiteX18" fmla="*/ 772856 w 3088271"/>
              <a:gd name="connsiteY18" fmla="*/ 1013366 h 2641864"/>
              <a:gd name="connsiteX19" fmla="*/ 1567680 w 3088271"/>
              <a:gd name="connsiteY19" fmla="*/ 809669 h 2641864"/>
              <a:gd name="connsiteX20" fmla="*/ 2310760 w 3088271"/>
              <a:gd name="connsiteY20" fmla="*/ 1011249 h 2641864"/>
              <a:gd name="connsiteX21" fmla="*/ 2310760 w 3088271"/>
              <a:gd name="connsiteY21" fmla="*/ 374853 h 2641864"/>
              <a:gd name="connsiteX22" fmla="*/ 1538581 w 3088271"/>
              <a:gd name="connsiteY22" fmla="*/ 203696 h 2641864"/>
              <a:gd name="connsiteX0" fmla="*/ 2337389 w 3088271"/>
              <a:gd name="connsiteY0" fmla="*/ 0 h 2641864"/>
              <a:gd name="connsiteX1" fmla="*/ 3082586 w 3088271"/>
              <a:gd name="connsiteY1" fmla="*/ 202154 h 2641864"/>
              <a:gd name="connsiteX2" fmla="*/ 3085565 w 3088271"/>
              <a:gd name="connsiteY2" fmla="*/ 201493 h 2641864"/>
              <a:gd name="connsiteX3" fmla="*/ 3085565 w 3088271"/>
              <a:gd name="connsiteY3" fmla="*/ 202962 h 2641864"/>
              <a:gd name="connsiteX4" fmla="*/ 3088271 w 3088271"/>
              <a:gd name="connsiteY4" fmla="*/ 203696 h 2641864"/>
              <a:gd name="connsiteX5" fmla="*/ 3085565 w 3088271"/>
              <a:gd name="connsiteY5" fmla="*/ 204296 h 2641864"/>
              <a:gd name="connsiteX6" fmla="*/ 3085565 w 3088271"/>
              <a:gd name="connsiteY6" fmla="*/ 2114699 h 2641864"/>
              <a:gd name="connsiteX7" fmla="*/ 765016 w 3088271"/>
              <a:gd name="connsiteY7" fmla="*/ 2641864 h 2641864"/>
              <a:gd name="connsiteX8" fmla="*/ 765016 w 3088271"/>
              <a:gd name="connsiteY8" fmla="*/ 2585939 h 2641864"/>
              <a:gd name="connsiteX9" fmla="*/ 765016 w 3088271"/>
              <a:gd name="connsiteY9" fmla="*/ 2330378 h 2641864"/>
              <a:gd name="connsiteX10" fmla="*/ 765016 w 3088271"/>
              <a:gd name="connsiteY10" fmla="*/ 2158535 h 2641864"/>
              <a:gd name="connsiteX11" fmla="*/ 765016 w 3088271"/>
              <a:gd name="connsiteY11" fmla="*/ 1756893 h 2641864"/>
              <a:gd name="connsiteX12" fmla="*/ 0 w 3088271"/>
              <a:gd name="connsiteY12" fmla="*/ 1591268 h 2641864"/>
              <a:gd name="connsiteX13" fmla="*/ 794824 w 3088271"/>
              <a:gd name="connsiteY13" fmla="*/ 1387571 h 2641864"/>
              <a:gd name="connsiteX14" fmla="*/ 1533449 w 3088271"/>
              <a:gd name="connsiteY14" fmla="*/ 1587942 h 2641864"/>
              <a:gd name="connsiteX15" fmla="*/ 1535847 w 3088271"/>
              <a:gd name="connsiteY15" fmla="*/ 1587421 h 2641864"/>
              <a:gd name="connsiteX16" fmla="*/ 1535847 w 3088271"/>
              <a:gd name="connsiteY16" fmla="*/ 1180014 h 2641864"/>
              <a:gd name="connsiteX17" fmla="*/ 1537235 w 3088271"/>
              <a:gd name="connsiteY17" fmla="*/ 1179714 h 2641864"/>
              <a:gd name="connsiteX18" fmla="*/ 772856 w 3088271"/>
              <a:gd name="connsiteY18" fmla="*/ 1013366 h 2641864"/>
              <a:gd name="connsiteX19" fmla="*/ 1567680 w 3088271"/>
              <a:gd name="connsiteY19" fmla="*/ 809669 h 2641864"/>
              <a:gd name="connsiteX20" fmla="*/ 2310760 w 3088271"/>
              <a:gd name="connsiteY20" fmla="*/ 1011249 h 2641864"/>
              <a:gd name="connsiteX21" fmla="*/ 2310760 w 3088271"/>
              <a:gd name="connsiteY21" fmla="*/ 374853 h 2641864"/>
              <a:gd name="connsiteX22" fmla="*/ 2337389 w 3088271"/>
              <a:gd name="connsiteY22" fmla="*/ 0 h 2641864"/>
              <a:gd name="connsiteX0" fmla="*/ 2412546 w 3088271"/>
              <a:gd name="connsiteY0" fmla="*/ 0 h 2485289"/>
              <a:gd name="connsiteX1" fmla="*/ 3082586 w 3088271"/>
              <a:gd name="connsiteY1" fmla="*/ 45579 h 2485289"/>
              <a:gd name="connsiteX2" fmla="*/ 3085565 w 3088271"/>
              <a:gd name="connsiteY2" fmla="*/ 44918 h 2485289"/>
              <a:gd name="connsiteX3" fmla="*/ 3085565 w 3088271"/>
              <a:gd name="connsiteY3" fmla="*/ 46387 h 2485289"/>
              <a:gd name="connsiteX4" fmla="*/ 3088271 w 3088271"/>
              <a:gd name="connsiteY4" fmla="*/ 47121 h 2485289"/>
              <a:gd name="connsiteX5" fmla="*/ 3085565 w 3088271"/>
              <a:gd name="connsiteY5" fmla="*/ 47721 h 2485289"/>
              <a:gd name="connsiteX6" fmla="*/ 3085565 w 3088271"/>
              <a:gd name="connsiteY6" fmla="*/ 1958124 h 2485289"/>
              <a:gd name="connsiteX7" fmla="*/ 765016 w 3088271"/>
              <a:gd name="connsiteY7" fmla="*/ 2485289 h 2485289"/>
              <a:gd name="connsiteX8" fmla="*/ 765016 w 3088271"/>
              <a:gd name="connsiteY8" fmla="*/ 2429364 h 2485289"/>
              <a:gd name="connsiteX9" fmla="*/ 765016 w 3088271"/>
              <a:gd name="connsiteY9" fmla="*/ 2173803 h 2485289"/>
              <a:gd name="connsiteX10" fmla="*/ 765016 w 3088271"/>
              <a:gd name="connsiteY10" fmla="*/ 2001960 h 2485289"/>
              <a:gd name="connsiteX11" fmla="*/ 765016 w 3088271"/>
              <a:gd name="connsiteY11" fmla="*/ 1600318 h 2485289"/>
              <a:gd name="connsiteX12" fmla="*/ 0 w 3088271"/>
              <a:gd name="connsiteY12" fmla="*/ 1434693 h 2485289"/>
              <a:gd name="connsiteX13" fmla="*/ 794824 w 3088271"/>
              <a:gd name="connsiteY13" fmla="*/ 1230996 h 2485289"/>
              <a:gd name="connsiteX14" fmla="*/ 1533449 w 3088271"/>
              <a:gd name="connsiteY14" fmla="*/ 1431367 h 2485289"/>
              <a:gd name="connsiteX15" fmla="*/ 1535847 w 3088271"/>
              <a:gd name="connsiteY15" fmla="*/ 1430846 h 2485289"/>
              <a:gd name="connsiteX16" fmla="*/ 1535847 w 3088271"/>
              <a:gd name="connsiteY16" fmla="*/ 1023439 h 2485289"/>
              <a:gd name="connsiteX17" fmla="*/ 1537235 w 3088271"/>
              <a:gd name="connsiteY17" fmla="*/ 1023139 h 2485289"/>
              <a:gd name="connsiteX18" fmla="*/ 772856 w 3088271"/>
              <a:gd name="connsiteY18" fmla="*/ 856791 h 2485289"/>
              <a:gd name="connsiteX19" fmla="*/ 1567680 w 3088271"/>
              <a:gd name="connsiteY19" fmla="*/ 653094 h 2485289"/>
              <a:gd name="connsiteX20" fmla="*/ 2310760 w 3088271"/>
              <a:gd name="connsiteY20" fmla="*/ 854674 h 2485289"/>
              <a:gd name="connsiteX21" fmla="*/ 2310760 w 3088271"/>
              <a:gd name="connsiteY21" fmla="*/ 218278 h 2485289"/>
              <a:gd name="connsiteX22" fmla="*/ 2412546 w 3088271"/>
              <a:gd name="connsiteY22" fmla="*/ 0 h 2485289"/>
              <a:gd name="connsiteX0" fmla="*/ 2412546 w 3088271"/>
              <a:gd name="connsiteY0" fmla="*/ 0 h 2485289"/>
              <a:gd name="connsiteX1" fmla="*/ 3082586 w 3088271"/>
              <a:gd name="connsiteY1" fmla="*/ 45579 h 2485289"/>
              <a:gd name="connsiteX2" fmla="*/ 3085565 w 3088271"/>
              <a:gd name="connsiteY2" fmla="*/ 44918 h 2485289"/>
              <a:gd name="connsiteX3" fmla="*/ 3085565 w 3088271"/>
              <a:gd name="connsiteY3" fmla="*/ 46387 h 2485289"/>
              <a:gd name="connsiteX4" fmla="*/ 3088271 w 3088271"/>
              <a:gd name="connsiteY4" fmla="*/ 47121 h 2485289"/>
              <a:gd name="connsiteX5" fmla="*/ 3085565 w 3088271"/>
              <a:gd name="connsiteY5" fmla="*/ 47721 h 2485289"/>
              <a:gd name="connsiteX6" fmla="*/ 3085565 w 3088271"/>
              <a:gd name="connsiteY6" fmla="*/ 1958124 h 2485289"/>
              <a:gd name="connsiteX7" fmla="*/ 765016 w 3088271"/>
              <a:gd name="connsiteY7" fmla="*/ 2485289 h 2485289"/>
              <a:gd name="connsiteX8" fmla="*/ 765016 w 3088271"/>
              <a:gd name="connsiteY8" fmla="*/ 2429364 h 2485289"/>
              <a:gd name="connsiteX9" fmla="*/ 765016 w 3088271"/>
              <a:gd name="connsiteY9" fmla="*/ 2173803 h 2485289"/>
              <a:gd name="connsiteX10" fmla="*/ 765016 w 3088271"/>
              <a:gd name="connsiteY10" fmla="*/ 2001960 h 2485289"/>
              <a:gd name="connsiteX11" fmla="*/ 765016 w 3088271"/>
              <a:gd name="connsiteY11" fmla="*/ 1600318 h 2485289"/>
              <a:gd name="connsiteX12" fmla="*/ 0 w 3088271"/>
              <a:gd name="connsiteY12" fmla="*/ 1434693 h 2485289"/>
              <a:gd name="connsiteX13" fmla="*/ 794824 w 3088271"/>
              <a:gd name="connsiteY13" fmla="*/ 1230996 h 2485289"/>
              <a:gd name="connsiteX14" fmla="*/ 1533449 w 3088271"/>
              <a:gd name="connsiteY14" fmla="*/ 1431367 h 2485289"/>
              <a:gd name="connsiteX15" fmla="*/ 1535847 w 3088271"/>
              <a:gd name="connsiteY15" fmla="*/ 1430846 h 2485289"/>
              <a:gd name="connsiteX16" fmla="*/ 1535847 w 3088271"/>
              <a:gd name="connsiteY16" fmla="*/ 1023439 h 2485289"/>
              <a:gd name="connsiteX17" fmla="*/ 1537235 w 3088271"/>
              <a:gd name="connsiteY17" fmla="*/ 1023139 h 2485289"/>
              <a:gd name="connsiteX18" fmla="*/ 1567680 w 3088271"/>
              <a:gd name="connsiteY18" fmla="*/ 653094 h 2485289"/>
              <a:gd name="connsiteX19" fmla="*/ 2310760 w 3088271"/>
              <a:gd name="connsiteY19" fmla="*/ 854674 h 2485289"/>
              <a:gd name="connsiteX20" fmla="*/ 2310760 w 3088271"/>
              <a:gd name="connsiteY20" fmla="*/ 218278 h 2485289"/>
              <a:gd name="connsiteX21" fmla="*/ 2412546 w 3088271"/>
              <a:gd name="connsiteY21" fmla="*/ 0 h 2485289"/>
              <a:gd name="connsiteX0" fmla="*/ 2412546 w 3088271"/>
              <a:gd name="connsiteY0" fmla="*/ 0 h 2485289"/>
              <a:gd name="connsiteX1" fmla="*/ 3082586 w 3088271"/>
              <a:gd name="connsiteY1" fmla="*/ 45579 h 2485289"/>
              <a:gd name="connsiteX2" fmla="*/ 3085565 w 3088271"/>
              <a:gd name="connsiteY2" fmla="*/ 44918 h 2485289"/>
              <a:gd name="connsiteX3" fmla="*/ 3085565 w 3088271"/>
              <a:gd name="connsiteY3" fmla="*/ 46387 h 2485289"/>
              <a:gd name="connsiteX4" fmla="*/ 3088271 w 3088271"/>
              <a:gd name="connsiteY4" fmla="*/ 47121 h 2485289"/>
              <a:gd name="connsiteX5" fmla="*/ 3085565 w 3088271"/>
              <a:gd name="connsiteY5" fmla="*/ 47721 h 2485289"/>
              <a:gd name="connsiteX6" fmla="*/ 3085565 w 3088271"/>
              <a:gd name="connsiteY6" fmla="*/ 1958124 h 2485289"/>
              <a:gd name="connsiteX7" fmla="*/ 765016 w 3088271"/>
              <a:gd name="connsiteY7" fmla="*/ 2485289 h 2485289"/>
              <a:gd name="connsiteX8" fmla="*/ 765016 w 3088271"/>
              <a:gd name="connsiteY8" fmla="*/ 2429364 h 2485289"/>
              <a:gd name="connsiteX9" fmla="*/ 765016 w 3088271"/>
              <a:gd name="connsiteY9" fmla="*/ 2173803 h 2485289"/>
              <a:gd name="connsiteX10" fmla="*/ 765016 w 3088271"/>
              <a:gd name="connsiteY10" fmla="*/ 2001960 h 2485289"/>
              <a:gd name="connsiteX11" fmla="*/ 765016 w 3088271"/>
              <a:gd name="connsiteY11" fmla="*/ 1600318 h 2485289"/>
              <a:gd name="connsiteX12" fmla="*/ 0 w 3088271"/>
              <a:gd name="connsiteY12" fmla="*/ 1434693 h 2485289"/>
              <a:gd name="connsiteX13" fmla="*/ 794824 w 3088271"/>
              <a:gd name="connsiteY13" fmla="*/ 1230996 h 2485289"/>
              <a:gd name="connsiteX14" fmla="*/ 1533449 w 3088271"/>
              <a:gd name="connsiteY14" fmla="*/ 1431367 h 2485289"/>
              <a:gd name="connsiteX15" fmla="*/ 1535847 w 3088271"/>
              <a:gd name="connsiteY15" fmla="*/ 1430846 h 2485289"/>
              <a:gd name="connsiteX16" fmla="*/ 1535847 w 3088271"/>
              <a:gd name="connsiteY16" fmla="*/ 1023439 h 2485289"/>
              <a:gd name="connsiteX17" fmla="*/ 1537235 w 3088271"/>
              <a:gd name="connsiteY17" fmla="*/ 1023139 h 2485289"/>
              <a:gd name="connsiteX18" fmla="*/ 1667888 w 3088271"/>
              <a:gd name="connsiteY18" fmla="*/ 790880 h 2485289"/>
              <a:gd name="connsiteX19" fmla="*/ 2310760 w 3088271"/>
              <a:gd name="connsiteY19" fmla="*/ 854674 h 2485289"/>
              <a:gd name="connsiteX20" fmla="*/ 2310760 w 3088271"/>
              <a:gd name="connsiteY20" fmla="*/ 218278 h 2485289"/>
              <a:gd name="connsiteX21" fmla="*/ 2412546 w 3088271"/>
              <a:gd name="connsiteY21" fmla="*/ 0 h 2485289"/>
              <a:gd name="connsiteX0" fmla="*/ 1647530 w 2323255"/>
              <a:gd name="connsiteY0" fmla="*/ 0 h 2485289"/>
              <a:gd name="connsiteX1" fmla="*/ 2317570 w 2323255"/>
              <a:gd name="connsiteY1" fmla="*/ 45579 h 2485289"/>
              <a:gd name="connsiteX2" fmla="*/ 2320549 w 2323255"/>
              <a:gd name="connsiteY2" fmla="*/ 44918 h 2485289"/>
              <a:gd name="connsiteX3" fmla="*/ 2320549 w 2323255"/>
              <a:gd name="connsiteY3" fmla="*/ 46387 h 2485289"/>
              <a:gd name="connsiteX4" fmla="*/ 2323255 w 2323255"/>
              <a:gd name="connsiteY4" fmla="*/ 47121 h 2485289"/>
              <a:gd name="connsiteX5" fmla="*/ 2320549 w 2323255"/>
              <a:gd name="connsiteY5" fmla="*/ 47721 h 2485289"/>
              <a:gd name="connsiteX6" fmla="*/ 2320549 w 2323255"/>
              <a:gd name="connsiteY6" fmla="*/ 1958124 h 2485289"/>
              <a:gd name="connsiteX7" fmla="*/ 0 w 2323255"/>
              <a:gd name="connsiteY7" fmla="*/ 2485289 h 2485289"/>
              <a:gd name="connsiteX8" fmla="*/ 0 w 2323255"/>
              <a:gd name="connsiteY8" fmla="*/ 2429364 h 2485289"/>
              <a:gd name="connsiteX9" fmla="*/ 0 w 2323255"/>
              <a:gd name="connsiteY9" fmla="*/ 2173803 h 2485289"/>
              <a:gd name="connsiteX10" fmla="*/ 0 w 2323255"/>
              <a:gd name="connsiteY10" fmla="*/ 2001960 h 2485289"/>
              <a:gd name="connsiteX11" fmla="*/ 0 w 2323255"/>
              <a:gd name="connsiteY11" fmla="*/ 1600318 h 2485289"/>
              <a:gd name="connsiteX12" fmla="*/ 29808 w 2323255"/>
              <a:gd name="connsiteY12" fmla="*/ 1230996 h 2485289"/>
              <a:gd name="connsiteX13" fmla="*/ 768433 w 2323255"/>
              <a:gd name="connsiteY13" fmla="*/ 1431367 h 2485289"/>
              <a:gd name="connsiteX14" fmla="*/ 770831 w 2323255"/>
              <a:gd name="connsiteY14" fmla="*/ 1430846 h 2485289"/>
              <a:gd name="connsiteX15" fmla="*/ 770831 w 2323255"/>
              <a:gd name="connsiteY15" fmla="*/ 1023439 h 2485289"/>
              <a:gd name="connsiteX16" fmla="*/ 772219 w 2323255"/>
              <a:gd name="connsiteY16" fmla="*/ 1023139 h 2485289"/>
              <a:gd name="connsiteX17" fmla="*/ 902872 w 2323255"/>
              <a:gd name="connsiteY17" fmla="*/ 790880 h 2485289"/>
              <a:gd name="connsiteX18" fmla="*/ 1545744 w 2323255"/>
              <a:gd name="connsiteY18" fmla="*/ 854674 h 2485289"/>
              <a:gd name="connsiteX19" fmla="*/ 1545744 w 2323255"/>
              <a:gd name="connsiteY19" fmla="*/ 218278 h 2485289"/>
              <a:gd name="connsiteX20" fmla="*/ 1647530 w 2323255"/>
              <a:gd name="connsiteY20" fmla="*/ 0 h 2485289"/>
              <a:gd name="connsiteX0" fmla="*/ 1647530 w 2323255"/>
              <a:gd name="connsiteY0" fmla="*/ 0 h 2485289"/>
              <a:gd name="connsiteX1" fmla="*/ 2317570 w 2323255"/>
              <a:gd name="connsiteY1" fmla="*/ 45579 h 2485289"/>
              <a:gd name="connsiteX2" fmla="*/ 2320549 w 2323255"/>
              <a:gd name="connsiteY2" fmla="*/ 44918 h 2485289"/>
              <a:gd name="connsiteX3" fmla="*/ 2320549 w 2323255"/>
              <a:gd name="connsiteY3" fmla="*/ 46387 h 2485289"/>
              <a:gd name="connsiteX4" fmla="*/ 2323255 w 2323255"/>
              <a:gd name="connsiteY4" fmla="*/ 47121 h 2485289"/>
              <a:gd name="connsiteX5" fmla="*/ 2320549 w 2323255"/>
              <a:gd name="connsiteY5" fmla="*/ 47721 h 2485289"/>
              <a:gd name="connsiteX6" fmla="*/ 2320549 w 2323255"/>
              <a:gd name="connsiteY6" fmla="*/ 1958124 h 2485289"/>
              <a:gd name="connsiteX7" fmla="*/ 0 w 2323255"/>
              <a:gd name="connsiteY7" fmla="*/ 2485289 h 2485289"/>
              <a:gd name="connsiteX8" fmla="*/ 0 w 2323255"/>
              <a:gd name="connsiteY8" fmla="*/ 2429364 h 2485289"/>
              <a:gd name="connsiteX9" fmla="*/ 0 w 2323255"/>
              <a:gd name="connsiteY9" fmla="*/ 2173803 h 2485289"/>
              <a:gd name="connsiteX10" fmla="*/ 0 w 2323255"/>
              <a:gd name="connsiteY10" fmla="*/ 2001960 h 2485289"/>
              <a:gd name="connsiteX11" fmla="*/ 0 w 2323255"/>
              <a:gd name="connsiteY11" fmla="*/ 1600318 h 2485289"/>
              <a:gd name="connsiteX12" fmla="*/ 142542 w 2323255"/>
              <a:gd name="connsiteY12" fmla="*/ 1368782 h 2485289"/>
              <a:gd name="connsiteX13" fmla="*/ 768433 w 2323255"/>
              <a:gd name="connsiteY13" fmla="*/ 1431367 h 2485289"/>
              <a:gd name="connsiteX14" fmla="*/ 770831 w 2323255"/>
              <a:gd name="connsiteY14" fmla="*/ 1430846 h 2485289"/>
              <a:gd name="connsiteX15" fmla="*/ 770831 w 2323255"/>
              <a:gd name="connsiteY15" fmla="*/ 1023439 h 2485289"/>
              <a:gd name="connsiteX16" fmla="*/ 772219 w 2323255"/>
              <a:gd name="connsiteY16" fmla="*/ 1023139 h 2485289"/>
              <a:gd name="connsiteX17" fmla="*/ 902872 w 2323255"/>
              <a:gd name="connsiteY17" fmla="*/ 790880 h 2485289"/>
              <a:gd name="connsiteX18" fmla="*/ 1545744 w 2323255"/>
              <a:gd name="connsiteY18" fmla="*/ 854674 h 2485289"/>
              <a:gd name="connsiteX19" fmla="*/ 1545744 w 2323255"/>
              <a:gd name="connsiteY19" fmla="*/ 218278 h 2485289"/>
              <a:gd name="connsiteX20" fmla="*/ 1647530 w 2323255"/>
              <a:gd name="connsiteY20" fmla="*/ 0 h 24852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2323255" h="2485289">
                <a:moveTo>
                  <a:pt x="1647530" y="0"/>
                </a:moveTo>
                <a:lnTo>
                  <a:pt x="2317570" y="45579"/>
                </a:lnTo>
                <a:lnTo>
                  <a:pt x="2320549" y="44918"/>
                </a:lnTo>
                <a:lnTo>
                  <a:pt x="2320549" y="46387"/>
                </a:lnTo>
                <a:lnTo>
                  <a:pt x="2323255" y="47121"/>
                </a:lnTo>
                <a:lnTo>
                  <a:pt x="2320549" y="47721"/>
                </a:lnTo>
                <a:lnTo>
                  <a:pt x="2320549" y="1958124"/>
                </a:lnTo>
                <a:lnTo>
                  <a:pt x="0" y="2485289"/>
                </a:lnTo>
                <a:lnTo>
                  <a:pt x="0" y="2429364"/>
                </a:lnTo>
                <a:lnTo>
                  <a:pt x="0" y="2173803"/>
                </a:lnTo>
                <a:lnTo>
                  <a:pt x="0" y="2001960"/>
                </a:lnTo>
                <a:lnTo>
                  <a:pt x="0" y="1600318"/>
                </a:lnTo>
                <a:lnTo>
                  <a:pt x="142542" y="1368782"/>
                </a:lnTo>
                <a:lnTo>
                  <a:pt x="768433" y="1431367"/>
                </a:lnTo>
                <a:lnTo>
                  <a:pt x="770831" y="1430846"/>
                </a:lnTo>
                <a:lnTo>
                  <a:pt x="770831" y="1023439"/>
                </a:lnTo>
                <a:lnTo>
                  <a:pt x="772219" y="1023139"/>
                </a:lnTo>
                <a:lnTo>
                  <a:pt x="902872" y="790880"/>
                </a:lnTo>
                <a:lnTo>
                  <a:pt x="1545744" y="854674"/>
                </a:lnTo>
                <a:lnTo>
                  <a:pt x="1545744" y="218278"/>
                </a:lnTo>
                <a:lnTo>
                  <a:pt x="1647530" y="0"/>
                </a:lnTo>
                <a:close/>
              </a:path>
            </a:pathLst>
          </a:custGeom>
          <a:solidFill>
            <a:srgbClr val="A2B969">
              <a:lumMod val="75000"/>
            </a:srgbClr>
          </a:solidFill>
          <a:ln w="12700">
            <a:miter lim="400000"/>
          </a:ln>
        </p:spPr>
        <p:txBody>
          <a:bodyPr wrap="square" lIns="28575" tIns="28575" rIns="28575" bIns="28575" anchor="ctr">
            <a:noAutofit/>
          </a:bodyP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17" name="Freeform: Shape 111">
            <a:extLst>
              <a:ext uri="{FF2B5EF4-FFF2-40B4-BE49-F238E27FC236}">
                <a16:creationId xmlns:a16="http://schemas.microsoft.com/office/drawing/2014/main" id="{BF7E030A-0216-4744-8C67-0CF1F0990A37}"/>
              </a:ext>
            </a:extLst>
          </p:cNvPr>
          <p:cNvSpPr/>
          <p:nvPr/>
        </p:nvSpPr>
        <p:spPr>
          <a:xfrm>
            <a:off x="3756129" y="4074338"/>
            <a:ext cx="3110423" cy="1484688"/>
          </a:xfrm>
          <a:custGeom>
            <a:avLst/>
            <a:gdLst>
              <a:gd name="connsiteX0" fmla="*/ 800421 w 3109043"/>
              <a:gd name="connsiteY0" fmla="*/ 0 h 1484388"/>
              <a:gd name="connsiteX1" fmla="*/ 1552819 w 3109043"/>
              <a:gd name="connsiteY1" fmla="*/ 200111 h 1484388"/>
              <a:gd name="connsiteX2" fmla="*/ 1538251 w 3109043"/>
              <a:gd name="connsiteY2" fmla="*/ 203340 h 1484388"/>
              <a:gd name="connsiteX3" fmla="*/ 1538251 w 3109043"/>
              <a:gd name="connsiteY3" fmla="*/ 409313 h 1484388"/>
              <a:gd name="connsiteX4" fmla="*/ 2306761 w 3109043"/>
              <a:gd name="connsiteY4" fmla="*/ 624339 h 1484388"/>
              <a:gd name="connsiteX5" fmla="*/ 2308644 w 3109043"/>
              <a:gd name="connsiteY5" fmla="*/ 623929 h 1484388"/>
              <a:gd name="connsiteX6" fmla="*/ 2308644 w 3109043"/>
              <a:gd name="connsiteY6" fmla="*/ 624866 h 1484388"/>
              <a:gd name="connsiteX7" fmla="*/ 2309230 w 3109043"/>
              <a:gd name="connsiteY7" fmla="*/ 625030 h 1484388"/>
              <a:gd name="connsiteX8" fmla="*/ 2308644 w 3109043"/>
              <a:gd name="connsiteY8" fmla="*/ 625157 h 1484388"/>
              <a:gd name="connsiteX9" fmla="*/ 2308644 w 3109043"/>
              <a:gd name="connsiteY9" fmla="*/ 856054 h 1484388"/>
              <a:gd name="connsiteX10" fmla="*/ 3105038 w 3109043"/>
              <a:gd name="connsiteY10" fmla="*/ 1052167 h 1484388"/>
              <a:gd name="connsiteX11" fmla="*/ 3105061 w 3109043"/>
              <a:gd name="connsiteY11" fmla="*/ 1053368 h 1484388"/>
              <a:gd name="connsiteX12" fmla="*/ 3108234 w 3109043"/>
              <a:gd name="connsiteY12" fmla="*/ 1054150 h 1484388"/>
              <a:gd name="connsiteX13" fmla="*/ 3105088 w 3109043"/>
              <a:gd name="connsiteY13" fmla="*/ 1054830 h 1484388"/>
              <a:gd name="connsiteX14" fmla="*/ 3109043 w 3109043"/>
              <a:gd name="connsiteY14" fmla="*/ 1268278 h 1484388"/>
              <a:gd name="connsiteX15" fmla="*/ 2308644 w 3109043"/>
              <a:gd name="connsiteY15" fmla="*/ 1484388 h 1484388"/>
              <a:gd name="connsiteX16" fmla="*/ 2308644 w 3109043"/>
              <a:gd name="connsiteY16" fmla="*/ 1225555 h 1484388"/>
              <a:gd name="connsiteX17" fmla="*/ 1539394 w 3109043"/>
              <a:gd name="connsiteY17" fmla="*/ 1058156 h 1484388"/>
              <a:gd name="connsiteX18" fmla="*/ 1542145 w 3109043"/>
              <a:gd name="connsiteY18" fmla="*/ 1057443 h 1484388"/>
              <a:gd name="connsiteX19" fmla="*/ 1536207 w 3109043"/>
              <a:gd name="connsiteY19" fmla="*/ 1056151 h 1484388"/>
              <a:gd name="connsiteX20" fmla="*/ 1536207 w 3109043"/>
              <a:gd name="connsiteY20" fmla="*/ 792987 h 1484388"/>
              <a:gd name="connsiteX21" fmla="*/ 763333 w 3109043"/>
              <a:gd name="connsiteY21" fmla="*/ 625665 h 1484388"/>
              <a:gd name="connsiteX22" fmla="*/ 761011 w 3109043"/>
              <a:gd name="connsiteY22" fmla="*/ 626310 h 1484388"/>
              <a:gd name="connsiteX23" fmla="*/ 761011 w 3109043"/>
              <a:gd name="connsiteY23" fmla="*/ 625162 h 1484388"/>
              <a:gd name="connsiteX24" fmla="*/ 760400 w 3109043"/>
              <a:gd name="connsiteY24" fmla="*/ 625030 h 1484388"/>
              <a:gd name="connsiteX25" fmla="*/ 761011 w 3109043"/>
              <a:gd name="connsiteY25" fmla="*/ 624860 h 1484388"/>
              <a:gd name="connsiteX26" fmla="*/ 761011 w 3109043"/>
              <a:gd name="connsiteY26" fmla="*/ 370165 h 1484388"/>
              <a:gd name="connsiteX27" fmla="*/ 764115 w 3109043"/>
              <a:gd name="connsiteY27" fmla="*/ 369478 h 1484388"/>
              <a:gd name="connsiteX28" fmla="*/ 0 w 3109043"/>
              <a:gd name="connsiteY28" fmla="*/ 200111 h 1484388"/>
              <a:gd name="connsiteX0" fmla="*/ 800421 w 3109043"/>
              <a:gd name="connsiteY0" fmla="*/ 0 h 1484388"/>
              <a:gd name="connsiteX1" fmla="*/ 1538251 w 3109043"/>
              <a:gd name="connsiteY1" fmla="*/ 203340 h 1484388"/>
              <a:gd name="connsiteX2" fmla="*/ 1538251 w 3109043"/>
              <a:gd name="connsiteY2" fmla="*/ 409313 h 1484388"/>
              <a:gd name="connsiteX3" fmla="*/ 2306761 w 3109043"/>
              <a:gd name="connsiteY3" fmla="*/ 624339 h 1484388"/>
              <a:gd name="connsiteX4" fmla="*/ 2308644 w 3109043"/>
              <a:gd name="connsiteY4" fmla="*/ 623929 h 1484388"/>
              <a:gd name="connsiteX5" fmla="*/ 2308644 w 3109043"/>
              <a:gd name="connsiteY5" fmla="*/ 624866 h 1484388"/>
              <a:gd name="connsiteX6" fmla="*/ 2309230 w 3109043"/>
              <a:gd name="connsiteY6" fmla="*/ 625030 h 1484388"/>
              <a:gd name="connsiteX7" fmla="*/ 2308644 w 3109043"/>
              <a:gd name="connsiteY7" fmla="*/ 625157 h 1484388"/>
              <a:gd name="connsiteX8" fmla="*/ 2308644 w 3109043"/>
              <a:gd name="connsiteY8" fmla="*/ 856054 h 1484388"/>
              <a:gd name="connsiteX9" fmla="*/ 3105038 w 3109043"/>
              <a:gd name="connsiteY9" fmla="*/ 1052167 h 1484388"/>
              <a:gd name="connsiteX10" fmla="*/ 3105061 w 3109043"/>
              <a:gd name="connsiteY10" fmla="*/ 1053368 h 1484388"/>
              <a:gd name="connsiteX11" fmla="*/ 3108234 w 3109043"/>
              <a:gd name="connsiteY11" fmla="*/ 1054150 h 1484388"/>
              <a:gd name="connsiteX12" fmla="*/ 3105088 w 3109043"/>
              <a:gd name="connsiteY12" fmla="*/ 1054830 h 1484388"/>
              <a:gd name="connsiteX13" fmla="*/ 3109043 w 3109043"/>
              <a:gd name="connsiteY13" fmla="*/ 1268278 h 1484388"/>
              <a:gd name="connsiteX14" fmla="*/ 2308644 w 3109043"/>
              <a:gd name="connsiteY14" fmla="*/ 1484388 h 1484388"/>
              <a:gd name="connsiteX15" fmla="*/ 2308644 w 3109043"/>
              <a:gd name="connsiteY15" fmla="*/ 1225555 h 1484388"/>
              <a:gd name="connsiteX16" fmla="*/ 1539394 w 3109043"/>
              <a:gd name="connsiteY16" fmla="*/ 1058156 h 1484388"/>
              <a:gd name="connsiteX17" fmla="*/ 1542145 w 3109043"/>
              <a:gd name="connsiteY17" fmla="*/ 1057443 h 1484388"/>
              <a:gd name="connsiteX18" fmla="*/ 1536207 w 3109043"/>
              <a:gd name="connsiteY18" fmla="*/ 1056151 h 1484388"/>
              <a:gd name="connsiteX19" fmla="*/ 1536207 w 3109043"/>
              <a:gd name="connsiteY19" fmla="*/ 792987 h 1484388"/>
              <a:gd name="connsiteX20" fmla="*/ 763333 w 3109043"/>
              <a:gd name="connsiteY20" fmla="*/ 625665 h 1484388"/>
              <a:gd name="connsiteX21" fmla="*/ 761011 w 3109043"/>
              <a:gd name="connsiteY21" fmla="*/ 626310 h 1484388"/>
              <a:gd name="connsiteX22" fmla="*/ 761011 w 3109043"/>
              <a:gd name="connsiteY22" fmla="*/ 625162 h 1484388"/>
              <a:gd name="connsiteX23" fmla="*/ 760400 w 3109043"/>
              <a:gd name="connsiteY23" fmla="*/ 625030 h 1484388"/>
              <a:gd name="connsiteX24" fmla="*/ 761011 w 3109043"/>
              <a:gd name="connsiteY24" fmla="*/ 624860 h 1484388"/>
              <a:gd name="connsiteX25" fmla="*/ 761011 w 3109043"/>
              <a:gd name="connsiteY25" fmla="*/ 370165 h 1484388"/>
              <a:gd name="connsiteX26" fmla="*/ 764115 w 3109043"/>
              <a:gd name="connsiteY26" fmla="*/ 369478 h 1484388"/>
              <a:gd name="connsiteX27" fmla="*/ 0 w 3109043"/>
              <a:gd name="connsiteY27" fmla="*/ 200111 h 1484388"/>
              <a:gd name="connsiteX28" fmla="*/ 800421 w 3109043"/>
              <a:gd name="connsiteY28" fmla="*/ 0 h 14843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Lst>
            <a:rect l="l" t="t" r="r" b="b"/>
            <a:pathLst>
              <a:path w="3109043" h="1484388">
                <a:moveTo>
                  <a:pt x="800421" y="0"/>
                </a:moveTo>
                <a:lnTo>
                  <a:pt x="1538251" y="203340"/>
                </a:lnTo>
                <a:lnTo>
                  <a:pt x="1538251" y="409313"/>
                </a:lnTo>
                <a:lnTo>
                  <a:pt x="2306761" y="624339"/>
                </a:lnTo>
                <a:lnTo>
                  <a:pt x="2308644" y="623929"/>
                </a:lnTo>
                <a:lnTo>
                  <a:pt x="2308644" y="624866"/>
                </a:lnTo>
                <a:lnTo>
                  <a:pt x="2309230" y="625030"/>
                </a:lnTo>
                <a:lnTo>
                  <a:pt x="2308644" y="625157"/>
                </a:lnTo>
                <a:lnTo>
                  <a:pt x="2308644" y="856054"/>
                </a:lnTo>
                <a:lnTo>
                  <a:pt x="3105038" y="1052167"/>
                </a:lnTo>
                <a:cubicBezTo>
                  <a:pt x="3105046" y="1052567"/>
                  <a:pt x="3105053" y="1052968"/>
                  <a:pt x="3105061" y="1053368"/>
                </a:cubicBezTo>
                <a:lnTo>
                  <a:pt x="3108234" y="1054150"/>
                </a:lnTo>
                <a:lnTo>
                  <a:pt x="3105088" y="1054830"/>
                </a:lnTo>
                <a:cubicBezTo>
                  <a:pt x="3106406" y="1125979"/>
                  <a:pt x="3107725" y="1197129"/>
                  <a:pt x="3109043" y="1268278"/>
                </a:cubicBezTo>
                <a:lnTo>
                  <a:pt x="2308644" y="1484388"/>
                </a:lnTo>
                <a:lnTo>
                  <a:pt x="2308644" y="1225555"/>
                </a:lnTo>
                <a:lnTo>
                  <a:pt x="1539394" y="1058156"/>
                </a:lnTo>
                <a:lnTo>
                  <a:pt x="1542145" y="1057443"/>
                </a:lnTo>
                <a:lnTo>
                  <a:pt x="1536207" y="1056151"/>
                </a:lnTo>
                <a:lnTo>
                  <a:pt x="1536207" y="792987"/>
                </a:lnTo>
                <a:lnTo>
                  <a:pt x="763333" y="625665"/>
                </a:lnTo>
                <a:lnTo>
                  <a:pt x="761011" y="626310"/>
                </a:lnTo>
                <a:lnTo>
                  <a:pt x="761011" y="625162"/>
                </a:lnTo>
                <a:lnTo>
                  <a:pt x="760400" y="625030"/>
                </a:lnTo>
                <a:lnTo>
                  <a:pt x="761011" y="624860"/>
                </a:lnTo>
                <a:lnTo>
                  <a:pt x="761011" y="370165"/>
                </a:lnTo>
                <a:lnTo>
                  <a:pt x="764115" y="369478"/>
                </a:lnTo>
                <a:lnTo>
                  <a:pt x="0" y="200111"/>
                </a:lnTo>
                <a:lnTo>
                  <a:pt x="800421" y="0"/>
                </a:lnTo>
                <a:close/>
              </a:path>
            </a:pathLst>
          </a:custGeom>
          <a:solidFill>
            <a:srgbClr val="F7931F"/>
          </a:solidFill>
          <a:ln w="12700">
            <a:miter lim="400000"/>
          </a:ln>
        </p:spPr>
        <p:txBody>
          <a:bodyPr wrap="square" lIns="28575" tIns="28575" rIns="28575" bIns="28575" anchor="ctr">
            <a:noAutofit/>
          </a:bodyP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18" name="Freeform: Shape 112">
            <a:extLst>
              <a:ext uri="{FF2B5EF4-FFF2-40B4-BE49-F238E27FC236}">
                <a16:creationId xmlns:a16="http://schemas.microsoft.com/office/drawing/2014/main" id="{785797C5-6FE5-4CC5-A381-51D5EA8701E2}"/>
              </a:ext>
            </a:extLst>
          </p:cNvPr>
          <p:cNvSpPr/>
          <p:nvPr/>
        </p:nvSpPr>
        <p:spPr>
          <a:xfrm>
            <a:off x="5291209" y="5511630"/>
            <a:ext cx="2327211" cy="992730"/>
          </a:xfrm>
          <a:custGeom>
            <a:avLst/>
            <a:gdLst>
              <a:gd name="connsiteX0" fmla="*/ 2319978 w 3070860"/>
              <a:gd name="connsiteY0" fmla="*/ 0 h 1158829"/>
              <a:gd name="connsiteX1" fmla="*/ 3063278 w 3070860"/>
              <a:gd name="connsiteY1" fmla="*/ 170012 h 1158829"/>
              <a:gd name="connsiteX2" fmla="*/ 3069917 w 3070860"/>
              <a:gd name="connsiteY2" fmla="*/ 168300 h 1158829"/>
              <a:gd name="connsiteX3" fmla="*/ 3069917 w 3070860"/>
              <a:gd name="connsiteY3" fmla="*/ 171530 h 1158829"/>
              <a:gd name="connsiteX4" fmla="*/ 3070860 w 3070860"/>
              <a:gd name="connsiteY4" fmla="*/ 171746 h 1158829"/>
              <a:gd name="connsiteX5" fmla="*/ 3069917 w 3070860"/>
              <a:gd name="connsiteY5" fmla="*/ 171989 h 1158829"/>
              <a:gd name="connsiteX6" fmla="*/ 3069917 w 3070860"/>
              <a:gd name="connsiteY6" fmla="*/ 639581 h 1158829"/>
              <a:gd name="connsiteX7" fmla="*/ 749368 w 3070860"/>
              <a:gd name="connsiteY7" fmla="*/ 1158829 h 1158829"/>
              <a:gd name="connsiteX8" fmla="*/ 749368 w 3070860"/>
              <a:gd name="connsiteY8" fmla="*/ 1017256 h 1158829"/>
              <a:gd name="connsiteX9" fmla="*/ 0 w 3070860"/>
              <a:gd name="connsiteY9" fmla="*/ 855020 h 1158829"/>
              <a:gd name="connsiteX10" fmla="*/ 774858 w 3070860"/>
              <a:gd name="connsiteY10" fmla="*/ 679283 h 1158829"/>
              <a:gd name="connsiteX11" fmla="*/ 1515569 w 3070860"/>
              <a:gd name="connsiteY11" fmla="*/ 844314 h 1158829"/>
              <a:gd name="connsiteX12" fmla="*/ 1520199 w 3070860"/>
              <a:gd name="connsiteY12" fmla="*/ 843282 h 1158829"/>
              <a:gd name="connsiteX13" fmla="*/ 1520199 w 3070860"/>
              <a:gd name="connsiteY13" fmla="*/ 695347 h 1158829"/>
              <a:gd name="connsiteX14" fmla="*/ 772855 w 3070860"/>
              <a:gd name="connsiteY14" fmla="*/ 528845 h 1158829"/>
              <a:gd name="connsiteX15" fmla="*/ 1543706 w 3070860"/>
              <a:gd name="connsiteY15" fmla="*/ 369077 h 1158829"/>
              <a:gd name="connsiteX16" fmla="*/ 2285273 w 3070860"/>
              <a:gd name="connsiteY16" fmla="*/ 521981 h 1158829"/>
              <a:gd name="connsiteX17" fmla="*/ 2295112 w 3070860"/>
              <a:gd name="connsiteY17" fmla="*/ 519800 h 1158829"/>
              <a:gd name="connsiteX18" fmla="*/ 2295112 w 3070860"/>
              <a:gd name="connsiteY18" fmla="*/ 371272 h 1158829"/>
              <a:gd name="connsiteX19" fmla="*/ 1521170 w 3070860"/>
              <a:gd name="connsiteY19" fmla="*/ 215684 h 1158829"/>
              <a:gd name="connsiteX0" fmla="*/ 2319978 w 3070860"/>
              <a:gd name="connsiteY0" fmla="*/ 0 h 1158829"/>
              <a:gd name="connsiteX1" fmla="*/ 3063278 w 3070860"/>
              <a:gd name="connsiteY1" fmla="*/ 170012 h 1158829"/>
              <a:gd name="connsiteX2" fmla="*/ 3069917 w 3070860"/>
              <a:gd name="connsiteY2" fmla="*/ 168300 h 1158829"/>
              <a:gd name="connsiteX3" fmla="*/ 3069917 w 3070860"/>
              <a:gd name="connsiteY3" fmla="*/ 171530 h 1158829"/>
              <a:gd name="connsiteX4" fmla="*/ 3070860 w 3070860"/>
              <a:gd name="connsiteY4" fmla="*/ 171746 h 1158829"/>
              <a:gd name="connsiteX5" fmla="*/ 3069917 w 3070860"/>
              <a:gd name="connsiteY5" fmla="*/ 171989 h 1158829"/>
              <a:gd name="connsiteX6" fmla="*/ 3069917 w 3070860"/>
              <a:gd name="connsiteY6" fmla="*/ 639581 h 1158829"/>
              <a:gd name="connsiteX7" fmla="*/ 749368 w 3070860"/>
              <a:gd name="connsiteY7" fmla="*/ 1158829 h 1158829"/>
              <a:gd name="connsiteX8" fmla="*/ 749368 w 3070860"/>
              <a:gd name="connsiteY8" fmla="*/ 1017256 h 1158829"/>
              <a:gd name="connsiteX9" fmla="*/ 0 w 3070860"/>
              <a:gd name="connsiteY9" fmla="*/ 855020 h 1158829"/>
              <a:gd name="connsiteX10" fmla="*/ 774858 w 3070860"/>
              <a:gd name="connsiteY10" fmla="*/ 679283 h 1158829"/>
              <a:gd name="connsiteX11" fmla="*/ 1515569 w 3070860"/>
              <a:gd name="connsiteY11" fmla="*/ 844314 h 1158829"/>
              <a:gd name="connsiteX12" fmla="*/ 1520199 w 3070860"/>
              <a:gd name="connsiteY12" fmla="*/ 843282 h 1158829"/>
              <a:gd name="connsiteX13" fmla="*/ 1520199 w 3070860"/>
              <a:gd name="connsiteY13" fmla="*/ 695347 h 1158829"/>
              <a:gd name="connsiteX14" fmla="*/ 772855 w 3070860"/>
              <a:gd name="connsiteY14" fmla="*/ 528845 h 1158829"/>
              <a:gd name="connsiteX15" fmla="*/ 1543706 w 3070860"/>
              <a:gd name="connsiteY15" fmla="*/ 369077 h 1158829"/>
              <a:gd name="connsiteX16" fmla="*/ 2285273 w 3070860"/>
              <a:gd name="connsiteY16" fmla="*/ 521981 h 1158829"/>
              <a:gd name="connsiteX17" fmla="*/ 2295112 w 3070860"/>
              <a:gd name="connsiteY17" fmla="*/ 519800 h 1158829"/>
              <a:gd name="connsiteX18" fmla="*/ 2295112 w 3070860"/>
              <a:gd name="connsiteY18" fmla="*/ 371272 h 1158829"/>
              <a:gd name="connsiteX19" fmla="*/ 2319978 w 3070860"/>
              <a:gd name="connsiteY19" fmla="*/ 0 h 1158829"/>
              <a:gd name="connsiteX0" fmla="*/ 2426449 w 3070860"/>
              <a:gd name="connsiteY0" fmla="*/ 7064 h 990529"/>
              <a:gd name="connsiteX1" fmla="*/ 3063278 w 3070860"/>
              <a:gd name="connsiteY1" fmla="*/ 1712 h 990529"/>
              <a:gd name="connsiteX2" fmla="*/ 3069917 w 3070860"/>
              <a:gd name="connsiteY2" fmla="*/ 0 h 990529"/>
              <a:gd name="connsiteX3" fmla="*/ 3069917 w 3070860"/>
              <a:gd name="connsiteY3" fmla="*/ 3230 h 990529"/>
              <a:gd name="connsiteX4" fmla="*/ 3070860 w 3070860"/>
              <a:gd name="connsiteY4" fmla="*/ 3446 h 990529"/>
              <a:gd name="connsiteX5" fmla="*/ 3069917 w 3070860"/>
              <a:gd name="connsiteY5" fmla="*/ 3689 h 990529"/>
              <a:gd name="connsiteX6" fmla="*/ 3069917 w 3070860"/>
              <a:gd name="connsiteY6" fmla="*/ 471281 h 990529"/>
              <a:gd name="connsiteX7" fmla="*/ 749368 w 3070860"/>
              <a:gd name="connsiteY7" fmla="*/ 990529 h 990529"/>
              <a:gd name="connsiteX8" fmla="*/ 749368 w 3070860"/>
              <a:gd name="connsiteY8" fmla="*/ 848956 h 990529"/>
              <a:gd name="connsiteX9" fmla="*/ 0 w 3070860"/>
              <a:gd name="connsiteY9" fmla="*/ 686720 h 990529"/>
              <a:gd name="connsiteX10" fmla="*/ 774858 w 3070860"/>
              <a:gd name="connsiteY10" fmla="*/ 510983 h 990529"/>
              <a:gd name="connsiteX11" fmla="*/ 1515569 w 3070860"/>
              <a:gd name="connsiteY11" fmla="*/ 676014 h 990529"/>
              <a:gd name="connsiteX12" fmla="*/ 1520199 w 3070860"/>
              <a:gd name="connsiteY12" fmla="*/ 674982 h 990529"/>
              <a:gd name="connsiteX13" fmla="*/ 1520199 w 3070860"/>
              <a:gd name="connsiteY13" fmla="*/ 527047 h 990529"/>
              <a:gd name="connsiteX14" fmla="*/ 772855 w 3070860"/>
              <a:gd name="connsiteY14" fmla="*/ 360545 h 990529"/>
              <a:gd name="connsiteX15" fmla="*/ 1543706 w 3070860"/>
              <a:gd name="connsiteY15" fmla="*/ 200777 h 990529"/>
              <a:gd name="connsiteX16" fmla="*/ 2285273 w 3070860"/>
              <a:gd name="connsiteY16" fmla="*/ 353681 h 990529"/>
              <a:gd name="connsiteX17" fmla="*/ 2295112 w 3070860"/>
              <a:gd name="connsiteY17" fmla="*/ 351500 h 990529"/>
              <a:gd name="connsiteX18" fmla="*/ 2295112 w 3070860"/>
              <a:gd name="connsiteY18" fmla="*/ 202972 h 990529"/>
              <a:gd name="connsiteX19" fmla="*/ 2426449 w 3070860"/>
              <a:gd name="connsiteY19" fmla="*/ 7064 h 990529"/>
              <a:gd name="connsiteX0" fmla="*/ 2426449 w 3070860"/>
              <a:gd name="connsiteY0" fmla="*/ 7064 h 990529"/>
              <a:gd name="connsiteX1" fmla="*/ 3063278 w 3070860"/>
              <a:gd name="connsiteY1" fmla="*/ 1712 h 990529"/>
              <a:gd name="connsiteX2" fmla="*/ 3069917 w 3070860"/>
              <a:gd name="connsiteY2" fmla="*/ 0 h 990529"/>
              <a:gd name="connsiteX3" fmla="*/ 3069917 w 3070860"/>
              <a:gd name="connsiteY3" fmla="*/ 3230 h 990529"/>
              <a:gd name="connsiteX4" fmla="*/ 3070860 w 3070860"/>
              <a:gd name="connsiteY4" fmla="*/ 3446 h 990529"/>
              <a:gd name="connsiteX5" fmla="*/ 3069917 w 3070860"/>
              <a:gd name="connsiteY5" fmla="*/ 3689 h 990529"/>
              <a:gd name="connsiteX6" fmla="*/ 3069917 w 3070860"/>
              <a:gd name="connsiteY6" fmla="*/ 471281 h 990529"/>
              <a:gd name="connsiteX7" fmla="*/ 749368 w 3070860"/>
              <a:gd name="connsiteY7" fmla="*/ 990529 h 990529"/>
              <a:gd name="connsiteX8" fmla="*/ 749368 w 3070860"/>
              <a:gd name="connsiteY8" fmla="*/ 848956 h 990529"/>
              <a:gd name="connsiteX9" fmla="*/ 0 w 3070860"/>
              <a:gd name="connsiteY9" fmla="*/ 686720 h 990529"/>
              <a:gd name="connsiteX10" fmla="*/ 774858 w 3070860"/>
              <a:gd name="connsiteY10" fmla="*/ 510983 h 990529"/>
              <a:gd name="connsiteX11" fmla="*/ 1515569 w 3070860"/>
              <a:gd name="connsiteY11" fmla="*/ 676014 h 990529"/>
              <a:gd name="connsiteX12" fmla="*/ 1520199 w 3070860"/>
              <a:gd name="connsiteY12" fmla="*/ 674982 h 990529"/>
              <a:gd name="connsiteX13" fmla="*/ 1520199 w 3070860"/>
              <a:gd name="connsiteY13" fmla="*/ 527047 h 990529"/>
              <a:gd name="connsiteX14" fmla="*/ 1543706 w 3070860"/>
              <a:gd name="connsiteY14" fmla="*/ 200777 h 990529"/>
              <a:gd name="connsiteX15" fmla="*/ 2285273 w 3070860"/>
              <a:gd name="connsiteY15" fmla="*/ 353681 h 990529"/>
              <a:gd name="connsiteX16" fmla="*/ 2295112 w 3070860"/>
              <a:gd name="connsiteY16" fmla="*/ 351500 h 990529"/>
              <a:gd name="connsiteX17" fmla="*/ 2295112 w 3070860"/>
              <a:gd name="connsiteY17" fmla="*/ 202972 h 990529"/>
              <a:gd name="connsiteX18" fmla="*/ 2426449 w 3070860"/>
              <a:gd name="connsiteY18" fmla="*/ 7064 h 990529"/>
              <a:gd name="connsiteX0" fmla="*/ 2426449 w 3070860"/>
              <a:gd name="connsiteY0" fmla="*/ 7064 h 990529"/>
              <a:gd name="connsiteX1" fmla="*/ 3063278 w 3070860"/>
              <a:gd name="connsiteY1" fmla="*/ 1712 h 990529"/>
              <a:gd name="connsiteX2" fmla="*/ 3069917 w 3070860"/>
              <a:gd name="connsiteY2" fmla="*/ 0 h 990529"/>
              <a:gd name="connsiteX3" fmla="*/ 3069917 w 3070860"/>
              <a:gd name="connsiteY3" fmla="*/ 3230 h 990529"/>
              <a:gd name="connsiteX4" fmla="*/ 3070860 w 3070860"/>
              <a:gd name="connsiteY4" fmla="*/ 3446 h 990529"/>
              <a:gd name="connsiteX5" fmla="*/ 3069917 w 3070860"/>
              <a:gd name="connsiteY5" fmla="*/ 3689 h 990529"/>
              <a:gd name="connsiteX6" fmla="*/ 3069917 w 3070860"/>
              <a:gd name="connsiteY6" fmla="*/ 471281 h 990529"/>
              <a:gd name="connsiteX7" fmla="*/ 749368 w 3070860"/>
              <a:gd name="connsiteY7" fmla="*/ 990529 h 990529"/>
              <a:gd name="connsiteX8" fmla="*/ 749368 w 3070860"/>
              <a:gd name="connsiteY8" fmla="*/ 848956 h 990529"/>
              <a:gd name="connsiteX9" fmla="*/ 0 w 3070860"/>
              <a:gd name="connsiteY9" fmla="*/ 686720 h 990529"/>
              <a:gd name="connsiteX10" fmla="*/ 774858 w 3070860"/>
              <a:gd name="connsiteY10" fmla="*/ 510983 h 990529"/>
              <a:gd name="connsiteX11" fmla="*/ 1515569 w 3070860"/>
              <a:gd name="connsiteY11" fmla="*/ 676014 h 990529"/>
              <a:gd name="connsiteX12" fmla="*/ 1520199 w 3070860"/>
              <a:gd name="connsiteY12" fmla="*/ 674982 h 990529"/>
              <a:gd name="connsiteX13" fmla="*/ 1520199 w 3070860"/>
              <a:gd name="connsiteY13" fmla="*/ 527047 h 990529"/>
              <a:gd name="connsiteX14" fmla="*/ 1606336 w 3070860"/>
              <a:gd name="connsiteY14" fmla="*/ 319774 h 990529"/>
              <a:gd name="connsiteX15" fmla="*/ 2285273 w 3070860"/>
              <a:gd name="connsiteY15" fmla="*/ 353681 h 990529"/>
              <a:gd name="connsiteX16" fmla="*/ 2295112 w 3070860"/>
              <a:gd name="connsiteY16" fmla="*/ 351500 h 990529"/>
              <a:gd name="connsiteX17" fmla="*/ 2295112 w 3070860"/>
              <a:gd name="connsiteY17" fmla="*/ 202972 h 990529"/>
              <a:gd name="connsiteX18" fmla="*/ 2426449 w 3070860"/>
              <a:gd name="connsiteY18" fmla="*/ 7064 h 990529"/>
              <a:gd name="connsiteX0" fmla="*/ 1677081 w 2321492"/>
              <a:gd name="connsiteY0" fmla="*/ 7064 h 990529"/>
              <a:gd name="connsiteX1" fmla="*/ 2313910 w 2321492"/>
              <a:gd name="connsiteY1" fmla="*/ 1712 h 990529"/>
              <a:gd name="connsiteX2" fmla="*/ 2320549 w 2321492"/>
              <a:gd name="connsiteY2" fmla="*/ 0 h 990529"/>
              <a:gd name="connsiteX3" fmla="*/ 2320549 w 2321492"/>
              <a:gd name="connsiteY3" fmla="*/ 3230 h 990529"/>
              <a:gd name="connsiteX4" fmla="*/ 2321492 w 2321492"/>
              <a:gd name="connsiteY4" fmla="*/ 3446 h 990529"/>
              <a:gd name="connsiteX5" fmla="*/ 2320549 w 2321492"/>
              <a:gd name="connsiteY5" fmla="*/ 3689 h 990529"/>
              <a:gd name="connsiteX6" fmla="*/ 2320549 w 2321492"/>
              <a:gd name="connsiteY6" fmla="*/ 471281 h 990529"/>
              <a:gd name="connsiteX7" fmla="*/ 0 w 2321492"/>
              <a:gd name="connsiteY7" fmla="*/ 990529 h 990529"/>
              <a:gd name="connsiteX8" fmla="*/ 0 w 2321492"/>
              <a:gd name="connsiteY8" fmla="*/ 848956 h 990529"/>
              <a:gd name="connsiteX9" fmla="*/ 25490 w 2321492"/>
              <a:gd name="connsiteY9" fmla="*/ 510983 h 990529"/>
              <a:gd name="connsiteX10" fmla="*/ 766201 w 2321492"/>
              <a:gd name="connsiteY10" fmla="*/ 676014 h 990529"/>
              <a:gd name="connsiteX11" fmla="*/ 770831 w 2321492"/>
              <a:gd name="connsiteY11" fmla="*/ 674982 h 990529"/>
              <a:gd name="connsiteX12" fmla="*/ 770831 w 2321492"/>
              <a:gd name="connsiteY12" fmla="*/ 527047 h 990529"/>
              <a:gd name="connsiteX13" fmla="*/ 856968 w 2321492"/>
              <a:gd name="connsiteY13" fmla="*/ 319774 h 990529"/>
              <a:gd name="connsiteX14" fmla="*/ 1535905 w 2321492"/>
              <a:gd name="connsiteY14" fmla="*/ 353681 h 990529"/>
              <a:gd name="connsiteX15" fmla="*/ 1545744 w 2321492"/>
              <a:gd name="connsiteY15" fmla="*/ 351500 h 990529"/>
              <a:gd name="connsiteX16" fmla="*/ 1545744 w 2321492"/>
              <a:gd name="connsiteY16" fmla="*/ 202972 h 990529"/>
              <a:gd name="connsiteX17" fmla="*/ 1677081 w 2321492"/>
              <a:gd name="connsiteY17" fmla="*/ 7064 h 990529"/>
              <a:gd name="connsiteX0" fmla="*/ 1677081 w 2321492"/>
              <a:gd name="connsiteY0" fmla="*/ 7064 h 990529"/>
              <a:gd name="connsiteX1" fmla="*/ 2313910 w 2321492"/>
              <a:gd name="connsiteY1" fmla="*/ 1712 h 990529"/>
              <a:gd name="connsiteX2" fmla="*/ 2320549 w 2321492"/>
              <a:gd name="connsiteY2" fmla="*/ 0 h 990529"/>
              <a:gd name="connsiteX3" fmla="*/ 2320549 w 2321492"/>
              <a:gd name="connsiteY3" fmla="*/ 3230 h 990529"/>
              <a:gd name="connsiteX4" fmla="*/ 2321492 w 2321492"/>
              <a:gd name="connsiteY4" fmla="*/ 3446 h 990529"/>
              <a:gd name="connsiteX5" fmla="*/ 2320549 w 2321492"/>
              <a:gd name="connsiteY5" fmla="*/ 3689 h 990529"/>
              <a:gd name="connsiteX6" fmla="*/ 2320549 w 2321492"/>
              <a:gd name="connsiteY6" fmla="*/ 471281 h 990529"/>
              <a:gd name="connsiteX7" fmla="*/ 0 w 2321492"/>
              <a:gd name="connsiteY7" fmla="*/ 990529 h 990529"/>
              <a:gd name="connsiteX8" fmla="*/ 0 w 2321492"/>
              <a:gd name="connsiteY8" fmla="*/ 848956 h 990529"/>
              <a:gd name="connsiteX9" fmla="*/ 63068 w 2321492"/>
              <a:gd name="connsiteY9" fmla="*/ 629981 h 990529"/>
              <a:gd name="connsiteX10" fmla="*/ 766201 w 2321492"/>
              <a:gd name="connsiteY10" fmla="*/ 676014 h 990529"/>
              <a:gd name="connsiteX11" fmla="*/ 770831 w 2321492"/>
              <a:gd name="connsiteY11" fmla="*/ 674982 h 990529"/>
              <a:gd name="connsiteX12" fmla="*/ 770831 w 2321492"/>
              <a:gd name="connsiteY12" fmla="*/ 527047 h 990529"/>
              <a:gd name="connsiteX13" fmla="*/ 856968 w 2321492"/>
              <a:gd name="connsiteY13" fmla="*/ 319774 h 990529"/>
              <a:gd name="connsiteX14" fmla="*/ 1535905 w 2321492"/>
              <a:gd name="connsiteY14" fmla="*/ 353681 h 990529"/>
              <a:gd name="connsiteX15" fmla="*/ 1545744 w 2321492"/>
              <a:gd name="connsiteY15" fmla="*/ 351500 h 990529"/>
              <a:gd name="connsiteX16" fmla="*/ 1545744 w 2321492"/>
              <a:gd name="connsiteY16" fmla="*/ 202972 h 990529"/>
              <a:gd name="connsiteX17" fmla="*/ 1677081 w 2321492"/>
              <a:gd name="connsiteY17" fmla="*/ 7064 h 9905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2321492" h="990529">
                <a:moveTo>
                  <a:pt x="1677081" y="7064"/>
                </a:moveTo>
                <a:lnTo>
                  <a:pt x="2313910" y="1712"/>
                </a:lnTo>
                <a:lnTo>
                  <a:pt x="2320549" y="0"/>
                </a:lnTo>
                <a:lnTo>
                  <a:pt x="2320549" y="3230"/>
                </a:lnTo>
                <a:lnTo>
                  <a:pt x="2321492" y="3446"/>
                </a:lnTo>
                <a:lnTo>
                  <a:pt x="2320549" y="3689"/>
                </a:lnTo>
                <a:lnTo>
                  <a:pt x="2320549" y="471281"/>
                </a:lnTo>
                <a:lnTo>
                  <a:pt x="0" y="990529"/>
                </a:lnTo>
                <a:lnTo>
                  <a:pt x="0" y="848956"/>
                </a:lnTo>
                <a:lnTo>
                  <a:pt x="63068" y="629981"/>
                </a:lnTo>
                <a:lnTo>
                  <a:pt x="766201" y="676014"/>
                </a:lnTo>
                <a:lnTo>
                  <a:pt x="770831" y="674982"/>
                </a:lnTo>
                <a:lnTo>
                  <a:pt x="770831" y="527047"/>
                </a:lnTo>
                <a:lnTo>
                  <a:pt x="856968" y="319774"/>
                </a:lnTo>
                <a:lnTo>
                  <a:pt x="1535905" y="353681"/>
                </a:lnTo>
                <a:lnTo>
                  <a:pt x="1545744" y="351500"/>
                </a:lnTo>
                <a:lnTo>
                  <a:pt x="1545744" y="202972"/>
                </a:lnTo>
                <a:lnTo>
                  <a:pt x="1677081" y="7064"/>
                </a:lnTo>
                <a:close/>
              </a:path>
            </a:pathLst>
          </a:custGeom>
          <a:solidFill>
            <a:srgbClr val="C13018">
              <a:lumMod val="75000"/>
            </a:srgbClr>
          </a:solidFill>
          <a:ln w="12700">
            <a:miter lim="400000"/>
          </a:ln>
        </p:spPr>
        <p:txBody>
          <a:bodyPr wrap="square" lIns="28575" tIns="28575" rIns="28575" bIns="28575" anchor="ctr">
            <a:noAutofit/>
          </a:bodyP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19" name="Freeform: Shape 113">
            <a:extLst>
              <a:ext uri="{FF2B5EF4-FFF2-40B4-BE49-F238E27FC236}">
                <a16:creationId xmlns:a16="http://schemas.microsoft.com/office/drawing/2014/main" id="{55CF7600-C782-45BC-BE07-A9415510BBBD}"/>
              </a:ext>
            </a:extLst>
          </p:cNvPr>
          <p:cNvSpPr/>
          <p:nvPr/>
        </p:nvSpPr>
        <p:spPr>
          <a:xfrm>
            <a:off x="5293018" y="4698395"/>
            <a:ext cx="1573534" cy="860633"/>
          </a:xfrm>
          <a:custGeom>
            <a:avLst/>
            <a:gdLst>
              <a:gd name="connsiteX0" fmla="*/ 1568881 w 1572836"/>
              <a:gd name="connsiteY0" fmla="*/ 430901 h 860459"/>
              <a:gd name="connsiteX1" fmla="*/ 1572836 w 1572836"/>
              <a:gd name="connsiteY1" fmla="*/ 644349 h 860459"/>
              <a:gd name="connsiteX2" fmla="*/ 772437 w 1572836"/>
              <a:gd name="connsiteY2" fmla="*/ 860459 h 860459"/>
              <a:gd name="connsiteX3" fmla="*/ 772437 w 1572836"/>
              <a:gd name="connsiteY3" fmla="*/ 601626 h 860459"/>
              <a:gd name="connsiteX4" fmla="*/ 775623 w 1572836"/>
              <a:gd name="connsiteY4" fmla="*/ 602319 h 860459"/>
              <a:gd name="connsiteX5" fmla="*/ 1453035 w 1572836"/>
              <a:gd name="connsiteY5" fmla="*/ 399723 h 860459"/>
              <a:gd name="connsiteX6" fmla="*/ 1568831 w 1572836"/>
              <a:gd name="connsiteY6" fmla="*/ 428238 h 860459"/>
              <a:gd name="connsiteX7" fmla="*/ 1568854 w 1572836"/>
              <a:gd name="connsiteY7" fmla="*/ 429439 h 860459"/>
              <a:gd name="connsiteX8" fmla="*/ 1451235 w 1572836"/>
              <a:gd name="connsiteY8" fmla="*/ 400478 h 860459"/>
              <a:gd name="connsiteX9" fmla="*/ 772437 w 1572836"/>
              <a:gd name="connsiteY9" fmla="*/ 0 h 860459"/>
              <a:gd name="connsiteX10" fmla="*/ 772437 w 1572836"/>
              <a:gd name="connsiteY10" fmla="*/ 232125 h 860459"/>
              <a:gd name="connsiteX11" fmla="*/ 795888 w 1572836"/>
              <a:gd name="connsiteY11" fmla="*/ 237900 h 860459"/>
              <a:gd name="connsiteX12" fmla="*/ 795165 w 1572836"/>
              <a:gd name="connsiteY12" fmla="*/ 238933 h 860459"/>
              <a:gd name="connsiteX13" fmla="*/ 775623 w 1572836"/>
              <a:gd name="connsiteY13" fmla="*/ 234121 h 860459"/>
              <a:gd name="connsiteX14" fmla="*/ 5938 w 1572836"/>
              <a:gd name="connsiteY14" fmla="*/ 433514 h 860459"/>
              <a:gd name="connsiteX15" fmla="*/ 0 w 1572836"/>
              <a:gd name="connsiteY15" fmla="*/ 432222 h 860459"/>
              <a:gd name="connsiteX16" fmla="*/ 0 w 1572836"/>
              <a:gd name="connsiteY16" fmla="*/ 168069 h 860459"/>
              <a:gd name="connsiteX0" fmla="*/ 1568881 w 1572836"/>
              <a:gd name="connsiteY0" fmla="*/ 430901 h 860459"/>
              <a:gd name="connsiteX1" fmla="*/ 1572836 w 1572836"/>
              <a:gd name="connsiteY1" fmla="*/ 644349 h 860459"/>
              <a:gd name="connsiteX2" fmla="*/ 772437 w 1572836"/>
              <a:gd name="connsiteY2" fmla="*/ 860459 h 860459"/>
              <a:gd name="connsiteX3" fmla="*/ 772437 w 1572836"/>
              <a:gd name="connsiteY3" fmla="*/ 601626 h 860459"/>
              <a:gd name="connsiteX4" fmla="*/ 775623 w 1572836"/>
              <a:gd name="connsiteY4" fmla="*/ 602319 h 860459"/>
              <a:gd name="connsiteX5" fmla="*/ 1568881 w 1572836"/>
              <a:gd name="connsiteY5" fmla="*/ 430901 h 860459"/>
              <a:gd name="connsiteX6" fmla="*/ 1453035 w 1572836"/>
              <a:gd name="connsiteY6" fmla="*/ 399723 h 860459"/>
              <a:gd name="connsiteX7" fmla="*/ 1568831 w 1572836"/>
              <a:gd name="connsiteY7" fmla="*/ 428238 h 860459"/>
              <a:gd name="connsiteX8" fmla="*/ 1568854 w 1572836"/>
              <a:gd name="connsiteY8" fmla="*/ 429439 h 860459"/>
              <a:gd name="connsiteX9" fmla="*/ 1451235 w 1572836"/>
              <a:gd name="connsiteY9" fmla="*/ 400478 h 860459"/>
              <a:gd name="connsiteX10" fmla="*/ 1453035 w 1572836"/>
              <a:gd name="connsiteY10" fmla="*/ 399723 h 860459"/>
              <a:gd name="connsiteX11" fmla="*/ 772437 w 1572836"/>
              <a:gd name="connsiteY11" fmla="*/ 0 h 860459"/>
              <a:gd name="connsiteX12" fmla="*/ 772437 w 1572836"/>
              <a:gd name="connsiteY12" fmla="*/ 232125 h 860459"/>
              <a:gd name="connsiteX13" fmla="*/ 795888 w 1572836"/>
              <a:gd name="connsiteY13" fmla="*/ 237900 h 860459"/>
              <a:gd name="connsiteX14" fmla="*/ 775623 w 1572836"/>
              <a:gd name="connsiteY14" fmla="*/ 234121 h 860459"/>
              <a:gd name="connsiteX15" fmla="*/ 5938 w 1572836"/>
              <a:gd name="connsiteY15" fmla="*/ 433514 h 860459"/>
              <a:gd name="connsiteX16" fmla="*/ 0 w 1572836"/>
              <a:gd name="connsiteY16" fmla="*/ 432222 h 860459"/>
              <a:gd name="connsiteX17" fmla="*/ 0 w 1572836"/>
              <a:gd name="connsiteY17" fmla="*/ 168069 h 860459"/>
              <a:gd name="connsiteX18" fmla="*/ 772437 w 1572836"/>
              <a:gd name="connsiteY18" fmla="*/ 0 h 860459"/>
              <a:gd name="connsiteX0" fmla="*/ 1568881 w 1572836"/>
              <a:gd name="connsiteY0" fmla="*/ 430901 h 860459"/>
              <a:gd name="connsiteX1" fmla="*/ 1572836 w 1572836"/>
              <a:gd name="connsiteY1" fmla="*/ 644349 h 860459"/>
              <a:gd name="connsiteX2" fmla="*/ 772437 w 1572836"/>
              <a:gd name="connsiteY2" fmla="*/ 860459 h 860459"/>
              <a:gd name="connsiteX3" fmla="*/ 772437 w 1572836"/>
              <a:gd name="connsiteY3" fmla="*/ 601626 h 860459"/>
              <a:gd name="connsiteX4" fmla="*/ 775623 w 1572836"/>
              <a:gd name="connsiteY4" fmla="*/ 602319 h 860459"/>
              <a:gd name="connsiteX5" fmla="*/ 1568881 w 1572836"/>
              <a:gd name="connsiteY5" fmla="*/ 430901 h 860459"/>
              <a:gd name="connsiteX6" fmla="*/ 1453035 w 1572836"/>
              <a:gd name="connsiteY6" fmla="*/ 399723 h 860459"/>
              <a:gd name="connsiteX7" fmla="*/ 1568831 w 1572836"/>
              <a:gd name="connsiteY7" fmla="*/ 428238 h 860459"/>
              <a:gd name="connsiteX8" fmla="*/ 1568854 w 1572836"/>
              <a:gd name="connsiteY8" fmla="*/ 429439 h 860459"/>
              <a:gd name="connsiteX9" fmla="*/ 1451235 w 1572836"/>
              <a:gd name="connsiteY9" fmla="*/ 400478 h 860459"/>
              <a:gd name="connsiteX10" fmla="*/ 1453035 w 1572836"/>
              <a:gd name="connsiteY10" fmla="*/ 399723 h 860459"/>
              <a:gd name="connsiteX11" fmla="*/ 772437 w 1572836"/>
              <a:gd name="connsiteY11" fmla="*/ 0 h 860459"/>
              <a:gd name="connsiteX12" fmla="*/ 772437 w 1572836"/>
              <a:gd name="connsiteY12" fmla="*/ 232125 h 860459"/>
              <a:gd name="connsiteX13" fmla="*/ 775623 w 1572836"/>
              <a:gd name="connsiteY13" fmla="*/ 234121 h 860459"/>
              <a:gd name="connsiteX14" fmla="*/ 5938 w 1572836"/>
              <a:gd name="connsiteY14" fmla="*/ 433514 h 860459"/>
              <a:gd name="connsiteX15" fmla="*/ 0 w 1572836"/>
              <a:gd name="connsiteY15" fmla="*/ 432222 h 860459"/>
              <a:gd name="connsiteX16" fmla="*/ 0 w 1572836"/>
              <a:gd name="connsiteY16" fmla="*/ 168069 h 860459"/>
              <a:gd name="connsiteX17" fmla="*/ 772437 w 1572836"/>
              <a:gd name="connsiteY17" fmla="*/ 0 h 860459"/>
              <a:gd name="connsiteX0" fmla="*/ 1568881 w 1572836"/>
              <a:gd name="connsiteY0" fmla="*/ 430901 h 860459"/>
              <a:gd name="connsiteX1" fmla="*/ 1572836 w 1572836"/>
              <a:gd name="connsiteY1" fmla="*/ 644349 h 860459"/>
              <a:gd name="connsiteX2" fmla="*/ 772437 w 1572836"/>
              <a:gd name="connsiteY2" fmla="*/ 860459 h 860459"/>
              <a:gd name="connsiteX3" fmla="*/ 772437 w 1572836"/>
              <a:gd name="connsiteY3" fmla="*/ 601626 h 860459"/>
              <a:gd name="connsiteX4" fmla="*/ 775623 w 1572836"/>
              <a:gd name="connsiteY4" fmla="*/ 602319 h 860459"/>
              <a:gd name="connsiteX5" fmla="*/ 1568881 w 1572836"/>
              <a:gd name="connsiteY5" fmla="*/ 430901 h 860459"/>
              <a:gd name="connsiteX6" fmla="*/ 1451235 w 1572836"/>
              <a:gd name="connsiteY6" fmla="*/ 400478 h 860459"/>
              <a:gd name="connsiteX7" fmla="*/ 1568831 w 1572836"/>
              <a:gd name="connsiteY7" fmla="*/ 428238 h 860459"/>
              <a:gd name="connsiteX8" fmla="*/ 1568854 w 1572836"/>
              <a:gd name="connsiteY8" fmla="*/ 429439 h 860459"/>
              <a:gd name="connsiteX9" fmla="*/ 1451235 w 1572836"/>
              <a:gd name="connsiteY9" fmla="*/ 400478 h 860459"/>
              <a:gd name="connsiteX10" fmla="*/ 772437 w 1572836"/>
              <a:gd name="connsiteY10" fmla="*/ 0 h 860459"/>
              <a:gd name="connsiteX11" fmla="*/ 772437 w 1572836"/>
              <a:gd name="connsiteY11" fmla="*/ 232125 h 860459"/>
              <a:gd name="connsiteX12" fmla="*/ 775623 w 1572836"/>
              <a:gd name="connsiteY12" fmla="*/ 234121 h 860459"/>
              <a:gd name="connsiteX13" fmla="*/ 5938 w 1572836"/>
              <a:gd name="connsiteY13" fmla="*/ 433514 h 860459"/>
              <a:gd name="connsiteX14" fmla="*/ 0 w 1572836"/>
              <a:gd name="connsiteY14" fmla="*/ 432222 h 860459"/>
              <a:gd name="connsiteX15" fmla="*/ 0 w 1572836"/>
              <a:gd name="connsiteY15" fmla="*/ 168069 h 860459"/>
              <a:gd name="connsiteX16" fmla="*/ 772437 w 1572836"/>
              <a:gd name="connsiteY16" fmla="*/ 0 h 860459"/>
              <a:gd name="connsiteX0" fmla="*/ 1568881 w 1572836"/>
              <a:gd name="connsiteY0" fmla="*/ 430901 h 860459"/>
              <a:gd name="connsiteX1" fmla="*/ 1572836 w 1572836"/>
              <a:gd name="connsiteY1" fmla="*/ 644349 h 860459"/>
              <a:gd name="connsiteX2" fmla="*/ 772437 w 1572836"/>
              <a:gd name="connsiteY2" fmla="*/ 860459 h 860459"/>
              <a:gd name="connsiteX3" fmla="*/ 772437 w 1572836"/>
              <a:gd name="connsiteY3" fmla="*/ 601626 h 860459"/>
              <a:gd name="connsiteX4" fmla="*/ 775623 w 1572836"/>
              <a:gd name="connsiteY4" fmla="*/ 602319 h 860459"/>
              <a:gd name="connsiteX5" fmla="*/ 1568881 w 1572836"/>
              <a:gd name="connsiteY5" fmla="*/ 430901 h 860459"/>
              <a:gd name="connsiteX6" fmla="*/ 1568854 w 1572836"/>
              <a:gd name="connsiteY6" fmla="*/ 429439 h 860459"/>
              <a:gd name="connsiteX7" fmla="*/ 1568831 w 1572836"/>
              <a:gd name="connsiteY7" fmla="*/ 428238 h 860459"/>
              <a:gd name="connsiteX8" fmla="*/ 1568854 w 1572836"/>
              <a:gd name="connsiteY8" fmla="*/ 429439 h 860459"/>
              <a:gd name="connsiteX9" fmla="*/ 772437 w 1572836"/>
              <a:gd name="connsiteY9" fmla="*/ 0 h 860459"/>
              <a:gd name="connsiteX10" fmla="*/ 772437 w 1572836"/>
              <a:gd name="connsiteY10" fmla="*/ 232125 h 860459"/>
              <a:gd name="connsiteX11" fmla="*/ 775623 w 1572836"/>
              <a:gd name="connsiteY11" fmla="*/ 234121 h 860459"/>
              <a:gd name="connsiteX12" fmla="*/ 5938 w 1572836"/>
              <a:gd name="connsiteY12" fmla="*/ 433514 h 860459"/>
              <a:gd name="connsiteX13" fmla="*/ 0 w 1572836"/>
              <a:gd name="connsiteY13" fmla="*/ 432222 h 860459"/>
              <a:gd name="connsiteX14" fmla="*/ 0 w 1572836"/>
              <a:gd name="connsiteY14" fmla="*/ 168069 h 860459"/>
              <a:gd name="connsiteX15" fmla="*/ 772437 w 1572836"/>
              <a:gd name="connsiteY15" fmla="*/ 0 h 8604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1572836" h="860459">
                <a:moveTo>
                  <a:pt x="1568881" y="430901"/>
                </a:moveTo>
                <a:cubicBezTo>
                  <a:pt x="1570199" y="502050"/>
                  <a:pt x="1571518" y="573200"/>
                  <a:pt x="1572836" y="644349"/>
                </a:cubicBezTo>
                <a:lnTo>
                  <a:pt x="772437" y="860459"/>
                </a:lnTo>
                <a:lnTo>
                  <a:pt x="772437" y="601626"/>
                </a:lnTo>
                <a:lnTo>
                  <a:pt x="775623" y="602319"/>
                </a:lnTo>
                <a:lnTo>
                  <a:pt x="1568881" y="430901"/>
                </a:lnTo>
                <a:close/>
                <a:moveTo>
                  <a:pt x="1568854" y="429439"/>
                </a:moveTo>
                <a:cubicBezTo>
                  <a:pt x="1568846" y="429039"/>
                  <a:pt x="1568839" y="428638"/>
                  <a:pt x="1568831" y="428238"/>
                </a:cubicBezTo>
                <a:cubicBezTo>
                  <a:pt x="1568839" y="428638"/>
                  <a:pt x="1568846" y="429039"/>
                  <a:pt x="1568854" y="429439"/>
                </a:cubicBezTo>
                <a:close/>
                <a:moveTo>
                  <a:pt x="772437" y="0"/>
                </a:moveTo>
                <a:lnTo>
                  <a:pt x="772437" y="232125"/>
                </a:lnTo>
                <a:lnTo>
                  <a:pt x="775623" y="234121"/>
                </a:lnTo>
                <a:lnTo>
                  <a:pt x="5938" y="433514"/>
                </a:lnTo>
                <a:lnTo>
                  <a:pt x="0" y="432222"/>
                </a:lnTo>
                <a:lnTo>
                  <a:pt x="0" y="168069"/>
                </a:lnTo>
                <a:lnTo>
                  <a:pt x="772437" y="0"/>
                </a:lnTo>
                <a:close/>
              </a:path>
            </a:pathLst>
          </a:custGeom>
          <a:solidFill>
            <a:srgbClr val="F7931F">
              <a:lumMod val="75000"/>
            </a:srgbClr>
          </a:solidFill>
          <a:ln w="12700">
            <a:miter lim="400000"/>
          </a:ln>
        </p:spPr>
        <p:txBody>
          <a:bodyPr wrap="square" lIns="28575" tIns="28575" rIns="28575" bIns="28575" anchor="ctr">
            <a:noAutofit/>
          </a:bodyP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0" name="Shape">
            <a:extLst>
              <a:ext uri="{FF2B5EF4-FFF2-40B4-BE49-F238E27FC236}">
                <a16:creationId xmlns:a16="http://schemas.microsoft.com/office/drawing/2014/main" id="{BA793995-409E-4D38-BF4F-6A658D2A2B07}"/>
              </a:ext>
            </a:extLst>
          </p:cNvPr>
          <p:cNvSpPr/>
          <p:nvPr/>
        </p:nvSpPr>
        <p:spPr>
          <a:xfrm>
            <a:off x="4517478" y="4272459"/>
            <a:ext cx="777585" cy="428316"/>
          </a:xfrm>
          <a:custGeom>
            <a:avLst/>
            <a:gdLst/>
            <a:ahLst/>
            <a:cxnLst>
              <a:cxn ang="0">
                <a:pos x="wd2" y="hd2"/>
              </a:cxn>
              <a:cxn ang="5400000">
                <a:pos x="wd2" y="hd2"/>
              </a:cxn>
              <a:cxn ang="10800000">
                <a:pos x="wd2" y="hd2"/>
              </a:cxn>
              <a:cxn ang="16200000">
                <a:pos x="wd2" y="hd2"/>
              </a:cxn>
            </a:cxnLst>
            <a:rect l="0" t="0" r="r" b="b"/>
            <a:pathLst>
              <a:path w="21600" h="21600" extrusionOk="0">
                <a:moveTo>
                  <a:pt x="0" y="8680"/>
                </a:moveTo>
                <a:lnTo>
                  <a:pt x="0" y="21600"/>
                </a:lnTo>
                <a:lnTo>
                  <a:pt x="21600" y="10699"/>
                </a:lnTo>
                <a:lnTo>
                  <a:pt x="21600" y="0"/>
                </a:lnTo>
                <a:close/>
              </a:path>
            </a:pathLst>
          </a:custGeom>
          <a:solidFill>
            <a:srgbClr val="F7931F">
              <a:lumMod val="75000"/>
            </a:srgbClr>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1" name="Shape">
            <a:extLst>
              <a:ext uri="{FF2B5EF4-FFF2-40B4-BE49-F238E27FC236}">
                <a16:creationId xmlns:a16="http://schemas.microsoft.com/office/drawing/2014/main" id="{20F7B691-932A-41EB-822E-1BB39E256848}"/>
              </a:ext>
            </a:extLst>
          </p:cNvPr>
          <p:cNvSpPr/>
          <p:nvPr/>
        </p:nvSpPr>
        <p:spPr>
          <a:xfrm>
            <a:off x="6070533" y="2097229"/>
            <a:ext cx="1553508" cy="376278"/>
          </a:xfrm>
          <a:custGeom>
            <a:avLst/>
            <a:gdLst/>
            <a:ahLst/>
            <a:cxnLst>
              <a:cxn ang="0">
                <a:pos x="wd2" y="hd2"/>
              </a:cxn>
              <a:cxn ang="5400000">
                <a:pos x="wd2" y="hd2"/>
              </a:cxn>
              <a:cxn ang="10800000">
                <a:pos x="wd2" y="hd2"/>
              </a:cxn>
              <a:cxn ang="16200000">
                <a:pos x="wd2" y="hd2"/>
              </a:cxn>
            </a:cxnLst>
            <a:rect l="0" t="0" r="r" b="b"/>
            <a:pathLst>
              <a:path w="21600" h="21600" extrusionOk="0">
                <a:moveTo>
                  <a:pt x="0" y="11719"/>
                </a:moveTo>
                <a:lnTo>
                  <a:pt x="11134" y="0"/>
                </a:lnTo>
                <a:lnTo>
                  <a:pt x="21600" y="11719"/>
                </a:lnTo>
                <a:lnTo>
                  <a:pt x="10800" y="21600"/>
                </a:lnTo>
                <a:close/>
              </a:path>
            </a:pathLst>
          </a:custGeom>
          <a:solidFill>
            <a:srgbClr val="A2B969"/>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2" name="Shape">
            <a:extLst>
              <a:ext uri="{FF2B5EF4-FFF2-40B4-BE49-F238E27FC236}">
                <a16:creationId xmlns:a16="http://schemas.microsoft.com/office/drawing/2014/main" id="{B3BE2727-D92C-44BC-9F05-50DFD58D1A38}"/>
              </a:ext>
            </a:extLst>
          </p:cNvPr>
          <p:cNvSpPr/>
          <p:nvPr/>
        </p:nvSpPr>
        <p:spPr>
          <a:xfrm>
            <a:off x="5302922" y="2908697"/>
            <a:ext cx="1549517" cy="372278"/>
          </a:xfrm>
          <a:custGeom>
            <a:avLst/>
            <a:gdLst/>
            <a:ahLst/>
            <a:cxnLst>
              <a:cxn ang="0">
                <a:pos x="wd2" y="hd2"/>
              </a:cxn>
              <a:cxn ang="5400000">
                <a:pos x="wd2" y="hd2"/>
              </a:cxn>
              <a:cxn ang="10800000">
                <a:pos x="wd2" y="hd2"/>
              </a:cxn>
              <a:cxn ang="16200000">
                <a:pos x="wd2" y="hd2"/>
              </a:cxn>
            </a:cxnLst>
            <a:rect l="0" t="0" r="r" b="b"/>
            <a:pathLst>
              <a:path w="21600" h="21600" extrusionOk="0">
                <a:moveTo>
                  <a:pt x="0" y="11845"/>
                </a:moveTo>
                <a:lnTo>
                  <a:pt x="11107" y="0"/>
                </a:lnTo>
                <a:lnTo>
                  <a:pt x="21600" y="11845"/>
                </a:lnTo>
                <a:lnTo>
                  <a:pt x="10772" y="21600"/>
                </a:lnTo>
                <a:close/>
              </a:path>
            </a:pathLst>
          </a:custGeom>
          <a:solidFill>
            <a:srgbClr val="A2B969"/>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3" name="Shape">
            <a:extLst>
              <a:ext uri="{FF2B5EF4-FFF2-40B4-BE49-F238E27FC236}">
                <a16:creationId xmlns:a16="http://schemas.microsoft.com/office/drawing/2014/main" id="{5A0862B9-BBF2-45AD-B418-BFE09C097259}"/>
              </a:ext>
            </a:extLst>
          </p:cNvPr>
          <p:cNvSpPr/>
          <p:nvPr/>
        </p:nvSpPr>
        <p:spPr>
          <a:xfrm>
            <a:off x="4528162" y="3487883"/>
            <a:ext cx="1549517" cy="372278"/>
          </a:xfrm>
          <a:custGeom>
            <a:avLst/>
            <a:gdLst/>
            <a:ahLst/>
            <a:cxnLst>
              <a:cxn ang="0">
                <a:pos x="wd2" y="hd2"/>
              </a:cxn>
              <a:cxn ang="5400000">
                <a:pos x="wd2" y="hd2"/>
              </a:cxn>
              <a:cxn ang="10800000">
                <a:pos x="wd2" y="hd2"/>
              </a:cxn>
              <a:cxn ang="16200000">
                <a:pos x="wd2" y="hd2"/>
              </a:cxn>
            </a:cxnLst>
            <a:rect l="0" t="0" r="r" b="b"/>
            <a:pathLst>
              <a:path w="21600" h="21600" extrusionOk="0">
                <a:moveTo>
                  <a:pt x="0" y="11845"/>
                </a:moveTo>
                <a:lnTo>
                  <a:pt x="11107" y="0"/>
                </a:lnTo>
                <a:lnTo>
                  <a:pt x="21600" y="11845"/>
                </a:lnTo>
                <a:lnTo>
                  <a:pt x="10828" y="21600"/>
                </a:lnTo>
                <a:close/>
              </a:path>
            </a:pathLst>
          </a:custGeom>
          <a:solidFill>
            <a:srgbClr val="A2B969"/>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4" name="Shape">
            <a:extLst>
              <a:ext uri="{FF2B5EF4-FFF2-40B4-BE49-F238E27FC236}">
                <a16:creationId xmlns:a16="http://schemas.microsoft.com/office/drawing/2014/main" id="{AE009E21-4021-433D-9738-8A0C2B858A21}"/>
              </a:ext>
            </a:extLst>
          </p:cNvPr>
          <p:cNvSpPr/>
          <p:nvPr/>
        </p:nvSpPr>
        <p:spPr>
          <a:xfrm>
            <a:off x="4517918" y="6018193"/>
            <a:ext cx="1549517" cy="344254"/>
          </a:xfrm>
          <a:custGeom>
            <a:avLst/>
            <a:gdLst/>
            <a:ahLst/>
            <a:cxnLst>
              <a:cxn ang="0">
                <a:pos x="wd2" y="hd2"/>
              </a:cxn>
              <a:cxn ang="5400000">
                <a:pos x="wd2" y="hd2"/>
              </a:cxn>
              <a:cxn ang="10800000">
                <a:pos x="wd2" y="hd2"/>
              </a:cxn>
              <a:cxn ang="16200000">
                <a:pos x="wd2" y="hd2"/>
              </a:cxn>
            </a:cxnLst>
            <a:rect l="0" t="0" r="r" b="b"/>
            <a:pathLst>
              <a:path w="21600" h="21600" extrusionOk="0">
                <a:moveTo>
                  <a:pt x="0" y="11051"/>
                </a:moveTo>
                <a:lnTo>
                  <a:pt x="10828" y="0"/>
                </a:lnTo>
                <a:lnTo>
                  <a:pt x="21600" y="10800"/>
                </a:lnTo>
                <a:lnTo>
                  <a:pt x="10828" y="21600"/>
                </a:lnTo>
                <a:close/>
              </a:path>
            </a:pathLst>
          </a:custGeom>
          <a:solidFill>
            <a:srgbClr val="C13018"/>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5" name="Shape">
            <a:extLst>
              <a:ext uri="{FF2B5EF4-FFF2-40B4-BE49-F238E27FC236}">
                <a16:creationId xmlns:a16="http://schemas.microsoft.com/office/drawing/2014/main" id="{B63B40E4-113D-4102-B878-E61151DC5828}"/>
              </a:ext>
            </a:extLst>
          </p:cNvPr>
          <p:cNvSpPr/>
          <p:nvPr/>
        </p:nvSpPr>
        <p:spPr>
          <a:xfrm>
            <a:off x="5295384" y="5703000"/>
            <a:ext cx="1549517" cy="332244"/>
          </a:xfrm>
          <a:custGeom>
            <a:avLst/>
            <a:gdLst/>
            <a:ahLst/>
            <a:cxnLst>
              <a:cxn ang="0">
                <a:pos x="wd2" y="hd2"/>
              </a:cxn>
              <a:cxn ang="5400000">
                <a:pos x="wd2" y="hd2"/>
              </a:cxn>
              <a:cxn ang="10800000">
                <a:pos x="wd2" y="hd2"/>
              </a:cxn>
              <a:cxn ang="16200000">
                <a:pos x="wd2" y="hd2"/>
              </a:cxn>
            </a:cxnLst>
            <a:rect l="0" t="0" r="r" b="b"/>
            <a:pathLst>
              <a:path w="21600" h="21600" extrusionOk="0">
                <a:moveTo>
                  <a:pt x="0" y="10410"/>
                </a:moveTo>
                <a:lnTo>
                  <a:pt x="10772" y="0"/>
                </a:lnTo>
                <a:lnTo>
                  <a:pt x="21600" y="10410"/>
                </a:lnTo>
                <a:lnTo>
                  <a:pt x="10772" y="21600"/>
                </a:lnTo>
                <a:close/>
              </a:path>
            </a:pathLst>
          </a:custGeom>
          <a:solidFill>
            <a:srgbClr val="C13018"/>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6" name="Shape">
            <a:extLst>
              <a:ext uri="{FF2B5EF4-FFF2-40B4-BE49-F238E27FC236}">
                <a16:creationId xmlns:a16="http://schemas.microsoft.com/office/drawing/2014/main" id="{390008AB-1849-4240-AA2C-75B604DE8740}"/>
              </a:ext>
            </a:extLst>
          </p:cNvPr>
          <p:cNvSpPr/>
          <p:nvPr/>
        </p:nvSpPr>
        <p:spPr>
          <a:xfrm>
            <a:off x="6066383" y="5340292"/>
            <a:ext cx="1553508" cy="372278"/>
          </a:xfrm>
          <a:custGeom>
            <a:avLst/>
            <a:gdLst/>
            <a:ahLst/>
            <a:cxnLst>
              <a:cxn ang="0">
                <a:pos x="wd2" y="hd2"/>
              </a:cxn>
              <a:cxn ang="5400000">
                <a:pos x="wd2" y="hd2"/>
              </a:cxn>
              <a:cxn ang="10800000">
                <a:pos x="wd2" y="hd2"/>
              </a:cxn>
              <a:cxn ang="16200000">
                <a:pos x="wd2" y="hd2"/>
              </a:cxn>
            </a:cxnLst>
            <a:rect l="0" t="0" r="r" b="b"/>
            <a:pathLst>
              <a:path w="21600" h="21600" extrusionOk="0">
                <a:moveTo>
                  <a:pt x="0" y="12542"/>
                </a:moveTo>
                <a:lnTo>
                  <a:pt x="11134" y="0"/>
                </a:lnTo>
                <a:lnTo>
                  <a:pt x="21600" y="9987"/>
                </a:lnTo>
                <a:lnTo>
                  <a:pt x="10800" y="21600"/>
                </a:lnTo>
                <a:close/>
              </a:path>
            </a:pathLst>
          </a:custGeom>
          <a:solidFill>
            <a:srgbClr val="C13018"/>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7" name="Triangle">
            <a:extLst>
              <a:ext uri="{FF2B5EF4-FFF2-40B4-BE49-F238E27FC236}">
                <a16:creationId xmlns:a16="http://schemas.microsoft.com/office/drawing/2014/main" id="{D4370E10-1DB2-4024-A250-A7BEBB019CD9}"/>
              </a:ext>
            </a:extLst>
          </p:cNvPr>
          <p:cNvSpPr/>
          <p:nvPr/>
        </p:nvSpPr>
        <p:spPr>
          <a:xfrm>
            <a:off x="6879167" y="4548028"/>
            <a:ext cx="316304" cy="368272"/>
          </a:xfrm>
          <a:custGeom>
            <a:avLst/>
            <a:gdLst/>
            <a:ahLst/>
            <a:cxnLst>
              <a:cxn ang="0">
                <a:pos x="wd2" y="hd2"/>
              </a:cxn>
              <a:cxn ang="5400000">
                <a:pos x="wd2" y="hd2"/>
              </a:cxn>
              <a:cxn ang="10800000">
                <a:pos x="wd2" y="hd2"/>
              </a:cxn>
              <a:cxn ang="16200000">
                <a:pos x="wd2" y="hd2"/>
              </a:cxn>
            </a:cxnLst>
            <a:rect l="0" t="0" r="r" b="b"/>
            <a:pathLst>
              <a:path w="21600" h="21600" extrusionOk="0">
                <a:moveTo>
                  <a:pt x="547" y="0"/>
                </a:moveTo>
                <a:lnTo>
                  <a:pt x="21600" y="10800"/>
                </a:lnTo>
                <a:lnTo>
                  <a:pt x="0" y="21600"/>
                </a:lnTo>
                <a:close/>
              </a:path>
            </a:pathLst>
          </a:custGeom>
          <a:solidFill>
            <a:srgbClr val="C13018"/>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8" name="Shape">
            <a:extLst>
              <a:ext uri="{FF2B5EF4-FFF2-40B4-BE49-F238E27FC236}">
                <a16:creationId xmlns:a16="http://schemas.microsoft.com/office/drawing/2014/main" id="{83D72826-ED72-4970-8F6F-40615E84EBAC}"/>
              </a:ext>
            </a:extLst>
          </p:cNvPr>
          <p:cNvSpPr/>
          <p:nvPr/>
        </p:nvSpPr>
        <p:spPr>
          <a:xfrm>
            <a:off x="6839128" y="4534652"/>
            <a:ext cx="56052" cy="1024757"/>
          </a:xfrm>
          <a:custGeom>
            <a:avLst/>
            <a:gdLst/>
            <a:ahLst/>
            <a:cxnLst>
              <a:cxn ang="0">
                <a:pos x="wd2" y="hd2"/>
              </a:cxn>
              <a:cxn ang="5400000">
                <a:pos x="wd2" y="hd2"/>
              </a:cxn>
              <a:cxn ang="10800000">
                <a:pos x="wd2" y="hd2"/>
              </a:cxn>
              <a:cxn ang="16200000">
                <a:pos x="wd2" y="hd2"/>
              </a:cxn>
            </a:cxnLst>
            <a:rect l="0" t="0" r="r" b="b"/>
            <a:pathLst>
              <a:path w="21600" h="21600" extrusionOk="0">
                <a:moveTo>
                  <a:pt x="10800" y="0"/>
                </a:moveTo>
                <a:lnTo>
                  <a:pt x="10800" y="0"/>
                </a:lnTo>
                <a:cubicBezTo>
                  <a:pt x="4628" y="0"/>
                  <a:pt x="0" y="253"/>
                  <a:pt x="0" y="591"/>
                </a:cubicBezTo>
                <a:lnTo>
                  <a:pt x="0" y="21009"/>
                </a:lnTo>
                <a:cubicBezTo>
                  <a:pt x="0" y="21347"/>
                  <a:pt x="4630" y="21600"/>
                  <a:pt x="10800" y="21600"/>
                </a:cubicBezTo>
                <a:lnTo>
                  <a:pt x="10800" y="21600"/>
                </a:lnTo>
                <a:cubicBezTo>
                  <a:pt x="16972" y="21600"/>
                  <a:pt x="21600" y="21347"/>
                  <a:pt x="21600" y="21009"/>
                </a:cubicBezTo>
                <a:lnTo>
                  <a:pt x="21600" y="591"/>
                </a:lnTo>
                <a:cubicBezTo>
                  <a:pt x="21600" y="253"/>
                  <a:pt x="16970" y="0"/>
                  <a:pt x="10800" y="0"/>
                </a:cubicBezTo>
                <a:close/>
              </a:path>
            </a:pathLst>
          </a:custGeom>
          <a:solidFill>
            <a:srgbClr val="C13018">
              <a:lumMod val="75000"/>
            </a:srgbClr>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29" name="Triangle">
            <a:extLst>
              <a:ext uri="{FF2B5EF4-FFF2-40B4-BE49-F238E27FC236}">
                <a16:creationId xmlns:a16="http://schemas.microsoft.com/office/drawing/2014/main" id="{F2A25F88-B713-47FD-9468-F87F3F4E2A3F}"/>
              </a:ext>
            </a:extLst>
          </p:cNvPr>
          <p:cNvSpPr/>
          <p:nvPr/>
        </p:nvSpPr>
        <p:spPr>
          <a:xfrm>
            <a:off x="4236596" y="3253714"/>
            <a:ext cx="316311" cy="368272"/>
          </a:xfrm>
          <a:custGeom>
            <a:avLst/>
            <a:gdLst/>
            <a:ahLst/>
            <a:cxnLst>
              <a:cxn ang="0">
                <a:pos x="wd2" y="hd2"/>
              </a:cxn>
              <a:cxn ang="5400000">
                <a:pos x="wd2" y="hd2"/>
              </a:cxn>
              <a:cxn ang="10800000">
                <a:pos x="wd2" y="hd2"/>
              </a:cxn>
              <a:cxn ang="16200000">
                <a:pos x="wd2" y="hd2"/>
              </a:cxn>
            </a:cxnLst>
            <a:rect l="0" t="0" r="r" b="b"/>
            <a:pathLst>
              <a:path w="21600" h="21600" extrusionOk="0">
                <a:moveTo>
                  <a:pt x="20780" y="0"/>
                </a:moveTo>
                <a:lnTo>
                  <a:pt x="0" y="10565"/>
                </a:lnTo>
                <a:lnTo>
                  <a:pt x="21600" y="21600"/>
                </a:lnTo>
                <a:close/>
              </a:path>
            </a:pathLst>
          </a:custGeom>
          <a:solidFill>
            <a:srgbClr val="F7931F"/>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30" name="Shape">
            <a:extLst>
              <a:ext uri="{FF2B5EF4-FFF2-40B4-BE49-F238E27FC236}">
                <a16:creationId xmlns:a16="http://schemas.microsoft.com/office/drawing/2014/main" id="{6097BE06-D4B5-4BA9-8063-1AA046927455}"/>
              </a:ext>
            </a:extLst>
          </p:cNvPr>
          <p:cNvSpPr/>
          <p:nvPr/>
        </p:nvSpPr>
        <p:spPr>
          <a:xfrm>
            <a:off x="4516869" y="3253714"/>
            <a:ext cx="56052" cy="1024757"/>
          </a:xfrm>
          <a:custGeom>
            <a:avLst/>
            <a:gdLst/>
            <a:ahLst/>
            <a:cxnLst>
              <a:cxn ang="0">
                <a:pos x="wd2" y="hd2"/>
              </a:cxn>
              <a:cxn ang="5400000">
                <a:pos x="wd2" y="hd2"/>
              </a:cxn>
              <a:cxn ang="10800000">
                <a:pos x="wd2" y="hd2"/>
              </a:cxn>
              <a:cxn ang="16200000">
                <a:pos x="wd2" y="hd2"/>
              </a:cxn>
            </a:cxnLst>
            <a:rect l="0" t="0" r="r" b="b"/>
            <a:pathLst>
              <a:path w="21600" h="21600" extrusionOk="0">
                <a:moveTo>
                  <a:pt x="10800" y="0"/>
                </a:moveTo>
                <a:lnTo>
                  <a:pt x="10800" y="0"/>
                </a:lnTo>
                <a:cubicBezTo>
                  <a:pt x="16972" y="0"/>
                  <a:pt x="21600" y="253"/>
                  <a:pt x="21600" y="591"/>
                </a:cubicBezTo>
                <a:lnTo>
                  <a:pt x="21600" y="21009"/>
                </a:lnTo>
                <a:cubicBezTo>
                  <a:pt x="21600" y="21347"/>
                  <a:pt x="16970" y="21600"/>
                  <a:pt x="10800" y="21600"/>
                </a:cubicBezTo>
                <a:lnTo>
                  <a:pt x="10800" y="21600"/>
                </a:lnTo>
                <a:cubicBezTo>
                  <a:pt x="4628" y="21600"/>
                  <a:pt x="0" y="21347"/>
                  <a:pt x="0" y="21009"/>
                </a:cubicBezTo>
                <a:lnTo>
                  <a:pt x="0" y="591"/>
                </a:lnTo>
                <a:cubicBezTo>
                  <a:pt x="0" y="253"/>
                  <a:pt x="4628" y="0"/>
                  <a:pt x="10800" y="0"/>
                </a:cubicBezTo>
                <a:close/>
              </a:path>
            </a:pathLst>
          </a:custGeom>
          <a:solidFill>
            <a:srgbClr val="F7931F">
              <a:lumMod val="75000"/>
            </a:srgbClr>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31" name="Triangle">
            <a:extLst>
              <a:ext uri="{FF2B5EF4-FFF2-40B4-BE49-F238E27FC236}">
                <a16:creationId xmlns:a16="http://schemas.microsoft.com/office/drawing/2014/main" id="{1D362CDA-F551-4116-9B6D-62961BA6A9B5}"/>
              </a:ext>
            </a:extLst>
          </p:cNvPr>
          <p:cNvSpPr/>
          <p:nvPr/>
        </p:nvSpPr>
        <p:spPr>
          <a:xfrm>
            <a:off x="6879167" y="1308972"/>
            <a:ext cx="316304" cy="364266"/>
          </a:xfrm>
          <a:custGeom>
            <a:avLst/>
            <a:gdLst/>
            <a:ahLst/>
            <a:cxnLst>
              <a:cxn ang="0">
                <a:pos x="wd2" y="hd2"/>
              </a:cxn>
              <a:cxn ang="5400000">
                <a:pos x="wd2" y="hd2"/>
              </a:cxn>
              <a:cxn ang="10800000">
                <a:pos x="wd2" y="hd2"/>
              </a:cxn>
              <a:cxn ang="16200000">
                <a:pos x="wd2" y="hd2"/>
              </a:cxn>
            </a:cxnLst>
            <a:rect l="0" t="0" r="r" b="b"/>
            <a:pathLst>
              <a:path w="21600" h="21600" extrusionOk="0">
                <a:moveTo>
                  <a:pt x="547" y="0"/>
                </a:moveTo>
                <a:lnTo>
                  <a:pt x="21600" y="10681"/>
                </a:lnTo>
                <a:lnTo>
                  <a:pt x="0" y="21600"/>
                </a:lnTo>
                <a:close/>
              </a:path>
            </a:pathLst>
          </a:custGeom>
          <a:solidFill>
            <a:srgbClr val="A2B969"/>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32" name="Shape">
            <a:extLst>
              <a:ext uri="{FF2B5EF4-FFF2-40B4-BE49-F238E27FC236}">
                <a16:creationId xmlns:a16="http://schemas.microsoft.com/office/drawing/2014/main" id="{68081911-5AED-4E9B-8CBA-42468A4DDC12}"/>
              </a:ext>
            </a:extLst>
          </p:cNvPr>
          <p:cNvSpPr/>
          <p:nvPr/>
        </p:nvSpPr>
        <p:spPr>
          <a:xfrm>
            <a:off x="6839128" y="1292280"/>
            <a:ext cx="56052" cy="1024757"/>
          </a:xfrm>
          <a:custGeom>
            <a:avLst/>
            <a:gdLst/>
            <a:ahLst/>
            <a:cxnLst>
              <a:cxn ang="0">
                <a:pos x="wd2" y="hd2"/>
              </a:cxn>
              <a:cxn ang="5400000">
                <a:pos x="wd2" y="hd2"/>
              </a:cxn>
              <a:cxn ang="10800000">
                <a:pos x="wd2" y="hd2"/>
              </a:cxn>
              <a:cxn ang="16200000">
                <a:pos x="wd2" y="hd2"/>
              </a:cxn>
            </a:cxnLst>
            <a:rect l="0" t="0" r="r" b="b"/>
            <a:pathLst>
              <a:path w="21600" h="21600" extrusionOk="0">
                <a:moveTo>
                  <a:pt x="10800" y="0"/>
                </a:moveTo>
                <a:lnTo>
                  <a:pt x="10800" y="0"/>
                </a:lnTo>
                <a:cubicBezTo>
                  <a:pt x="4628" y="0"/>
                  <a:pt x="0" y="253"/>
                  <a:pt x="0" y="591"/>
                </a:cubicBezTo>
                <a:lnTo>
                  <a:pt x="0" y="21009"/>
                </a:lnTo>
                <a:cubicBezTo>
                  <a:pt x="0" y="21347"/>
                  <a:pt x="4630" y="21600"/>
                  <a:pt x="10800" y="21600"/>
                </a:cubicBezTo>
                <a:lnTo>
                  <a:pt x="10800" y="21600"/>
                </a:lnTo>
                <a:cubicBezTo>
                  <a:pt x="16972" y="21600"/>
                  <a:pt x="21600" y="21347"/>
                  <a:pt x="21600" y="21009"/>
                </a:cubicBezTo>
                <a:lnTo>
                  <a:pt x="21600" y="591"/>
                </a:lnTo>
                <a:cubicBezTo>
                  <a:pt x="21600" y="253"/>
                  <a:pt x="16970" y="0"/>
                  <a:pt x="10800" y="0"/>
                </a:cubicBezTo>
                <a:close/>
              </a:path>
            </a:pathLst>
          </a:custGeom>
          <a:solidFill>
            <a:srgbClr val="A2B969">
              <a:lumMod val="75000"/>
            </a:srgbClr>
          </a:solidFill>
          <a:ln w="12700">
            <a:miter lim="400000"/>
          </a:ln>
        </p:spPr>
        <p:txBody>
          <a:bodyPr lIns="28575" tIns="28575" rIns="28575" bIns="28575" anchor="ctr"/>
          <a:lstStyle/>
          <a:p>
            <a:pPr marL="0" marR="0" lvl="0" indent="0" defTabSz="914400" eaLnBrk="1" fontAlgn="auto" latinLnBrk="0" hangingPunct="1">
              <a:lnSpc>
                <a:spcPct val="100000"/>
              </a:lnSpc>
              <a:spcBef>
                <a:spcPts val="0"/>
              </a:spcBef>
              <a:spcAft>
                <a:spcPts val="0"/>
              </a:spcAft>
              <a:buClrTx/>
              <a:buSzTx/>
              <a:buFontTx/>
              <a:buNone/>
              <a:tabLst/>
              <a:defRPr sz="3000">
                <a:solidFill>
                  <a:srgbClr val="FFFFFF"/>
                </a:solidFill>
              </a:defRPr>
            </a:pPr>
            <a:endParaRPr kumimoji="0" sz="2250" b="0" i="0" u="none" strike="noStrike" kern="0" cap="none" spc="0" normalizeH="0" baseline="0" noProof="0">
              <a:ln>
                <a:noFill/>
              </a:ln>
              <a:solidFill>
                <a:srgbClr val="FFFFFF"/>
              </a:solidFill>
              <a:effectLst/>
              <a:uLnTx/>
              <a:uFillTx/>
              <a:latin typeface="Calibri" panose="020F0502020204030204"/>
            </a:endParaRPr>
          </a:p>
        </p:txBody>
      </p:sp>
      <p:sp>
        <p:nvSpPr>
          <p:cNvPr id="33" name="Dikdörtgen 32"/>
          <p:cNvSpPr/>
          <p:nvPr/>
        </p:nvSpPr>
        <p:spPr>
          <a:xfrm>
            <a:off x="7947874" y="4448813"/>
            <a:ext cx="4117346" cy="523220"/>
          </a:xfrm>
          <a:prstGeom prst="rect">
            <a:avLst/>
          </a:prstGeom>
        </p:spPr>
        <p:txBody>
          <a:bodyPr wrap="none">
            <a:spAutoFit/>
          </a:bodyPr>
          <a:lstStyle/>
          <a:p>
            <a:r>
              <a:rPr lang="tr-TR" sz="2800" dirty="0"/>
              <a:t>Kur’an-ı Kerim’i anlamak</a:t>
            </a:r>
          </a:p>
        </p:txBody>
      </p:sp>
      <p:sp>
        <p:nvSpPr>
          <p:cNvPr id="34" name="Dikdörtgen 33"/>
          <p:cNvSpPr/>
          <p:nvPr/>
        </p:nvSpPr>
        <p:spPr>
          <a:xfrm>
            <a:off x="155567" y="3094836"/>
            <a:ext cx="3517043" cy="830997"/>
          </a:xfrm>
          <a:prstGeom prst="rect">
            <a:avLst/>
          </a:prstGeom>
        </p:spPr>
        <p:txBody>
          <a:bodyPr wrap="square">
            <a:spAutoFit/>
          </a:bodyPr>
          <a:lstStyle/>
          <a:p>
            <a:r>
              <a:rPr lang="tr-TR" sz="2400" dirty="0"/>
              <a:t>Kur’an-ı Kerim’i hayata geçirmek</a:t>
            </a:r>
          </a:p>
        </p:txBody>
      </p:sp>
      <p:sp>
        <p:nvSpPr>
          <p:cNvPr id="35" name="Dikdörtgen 34"/>
          <p:cNvSpPr/>
          <p:nvPr/>
        </p:nvSpPr>
        <p:spPr>
          <a:xfrm>
            <a:off x="8079682" y="1219192"/>
            <a:ext cx="3626154" cy="584775"/>
          </a:xfrm>
          <a:prstGeom prst="rect">
            <a:avLst/>
          </a:prstGeom>
        </p:spPr>
        <p:txBody>
          <a:bodyPr wrap="square">
            <a:spAutoFit/>
          </a:bodyPr>
          <a:lstStyle/>
          <a:p>
            <a:r>
              <a:rPr lang="tr-TR" sz="3200" dirty="0"/>
              <a:t>Sevap kazanmak</a:t>
            </a:r>
          </a:p>
        </p:txBody>
      </p:sp>
    </p:spTree>
    <p:custDataLst>
      <p:tags r:id="rId1"/>
    </p:custDataLst>
    <p:extLst>
      <p:ext uri="{BB962C8B-B14F-4D97-AF65-F5344CB8AC3E}">
        <p14:creationId xmlns:p14="http://schemas.microsoft.com/office/powerpoint/2010/main" val="391190689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8"/>
                                        </p:tgtEl>
                                        <p:attrNameLst>
                                          <p:attrName>style.visibility</p:attrName>
                                        </p:attrNameLst>
                                      </p:cBhvr>
                                      <p:to>
                                        <p:strVal val="visible"/>
                                      </p:to>
                                    </p:set>
                                    <p:animEffect transition="in" filter="wipe(down)">
                                      <p:cBhvr>
                                        <p:cTn id="7" dur="500"/>
                                        <p:tgtEl>
                                          <p:spTgt spid="28"/>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27"/>
                                        </p:tgtEl>
                                        <p:attrNameLst>
                                          <p:attrName>style.visibility</p:attrName>
                                        </p:attrNameLst>
                                      </p:cBhvr>
                                      <p:to>
                                        <p:strVal val="visible"/>
                                      </p:to>
                                    </p:set>
                                    <p:animEffect transition="in" filter="wipe(left)">
                                      <p:cBhvr>
                                        <p:cTn id="11" dur="500"/>
                                        <p:tgtEl>
                                          <p:spTgt spid="27"/>
                                        </p:tgtEl>
                                      </p:cBhvr>
                                    </p:animEffect>
                                  </p:childTnLst>
                                </p:cTn>
                              </p:par>
                            </p:childTnLst>
                          </p:cTn>
                        </p:par>
                        <p:par>
                          <p:cTn id="12" fill="hold">
                            <p:stCondLst>
                              <p:cond delay="1000"/>
                            </p:stCondLst>
                            <p:childTnLst>
                              <p:par>
                                <p:cTn id="13" presetID="22" presetClass="entr" presetSubtype="4" fill="hold" grpId="0" nodeType="afterEffect">
                                  <p:stCondLst>
                                    <p:cond delay="0"/>
                                  </p:stCondLst>
                                  <p:childTnLst>
                                    <p:set>
                                      <p:cBhvr>
                                        <p:cTn id="14" dur="1" fill="hold">
                                          <p:stCondLst>
                                            <p:cond delay="0"/>
                                          </p:stCondLst>
                                        </p:cTn>
                                        <p:tgtEl>
                                          <p:spTgt spid="12"/>
                                        </p:tgtEl>
                                        <p:attrNameLst>
                                          <p:attrName>style.visibility</p:attrName>
                                        </p:attrNameLst>
                                      </p:cBhvr>
                                      <p:to>
                                        <p:strVal val="visible"/>
                                      </p:to>
                                    </p:set>
                                    <p:animEffect transition="in" filter="wipe(down)">
                                      <p:cBhvr>
                                        <p:cTn id="15" dur="500"/>
                                        <p:tgtEl>
                                          <p:spTgt spid="12"/>
                                        </p:tgtEl>
                                      </p:cBhvr>
                                    </p:animEffect>
                                  </p:childTnLst>
                                </p:cTn>
                              </p:par>
                            </p:childTnLst>
                          </p:cTn>
                        </p:par>
                        <p:par>
                          <p:cTn id="16" fill="hold">
                            <p:stCondLst>
                              <p:cond delay="1500"/>
                            </p:stCondLst>
                            <p:childTnLst>
                              <p:par>
                                <p:cTn id="17" presetID="22" presetClass="entr" presetSubtype="8" fill="hold" grpId="0" nodeType="afterEffect">
                                  <p:stCondLst>
                                    <p:cond delay="0"/>
                                  </p:stCondLst>
                                  <p:childTnLst>
                                    <p:set>
                                      <p:cBhvr>
                                        <p:cTn id="18" dur="1" fill="hold">
                                          <p:stCondLst>
                                            <p:cond delay="0"/>
                                          </p:stCondLst>
                                        </p:cTn>
                                        <p:tgtEl>
                                          <p:spTgt spid="33"/>
                                        </p:tgtEl>
                                        <p:attrNameLst>
                                          <p:attrName>style.visibility</p:attrName>
                                        </p:attrNameLst>
                                      </p:cBhvr>
                                      <p:to>
                                        <p:strVal val="visible"/>
                                      </p:to>
                                    </p:set>
                                    <p:animEffect transition="in" filter="wipe(left)">
                                      <p:cBhvr>
                                        <p:cTn id="19" dur="500"/>
                                        <p:tgtEl>
                                          <p:spTgt spid="33"/>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4" fill="hold" grpId="0" nodeType="clickEffect">
                                  <p:stCondLst>
                                    <p:cond delay="0"/>
                                  </p:stCondLst>
                                  <p:childTnLst>
                                    <p:set>
                                      <p:cBhvr>
                                        <p:cTn id="23" dur="1" fill="hold">
                                          <p:stCondLst>
                                            <p:cond delay="0"/>
                                          </p:stCondLst>
                                        </p:cTn>
                                        <p:tgtEl>
                                          <p:spTgt spid="30"/>
                                        </p:tgtEl>
                                        <p:attrNameLst>
                                          <p:attrName>style.visibility</p:attrName>
                                        </p:attrNameLst>
                                      </p:cBhvr>
                                      <p:to>
                                        <p:strVal val="visible"/>
                                      </p:to>
                                    </p:set>
                                    <p:animEffect transition="in" filter="wipe(down)">
                                      <p:cBhvr>
                                        <p:cTn id="24" dur="500"/>
                                        <p:tgtEl>
                                          <p:spTgt spid="30"/>
                                        </p:tgtEl>
                                      </p:cBhvr>
                                    </p:animEffect>
                                  </p:childTnLst>
                                </p:cTn>
                              </p:par>
                            </p:childTnLst>
                          </p:cTn>
                        </p:par>
                        <p:par>
                          <p:cTn id="25" fill="hold">
                            <p:stCondLst>
                              <p:cond delay="500"/>
                            </p:stCondLst>
                            <p:childTnLst>
                              <p:par>
                                <p:cTn id="26" presetID="22" presetClass="entr" presetSubtype="2" fill="hold" grpId="0" nodeType="afterEffect">
                                  <p:stCondLst>
                                    <p:cond delay="0"/>
                                  </p:stCondLst>
                                  <p:childTnLst>
                                    <p:set>
                                      <p:cBhvr>
                                        <p:cTn id="27" dur="1" fill="hold">
                                          <p:stCondLst>
                                            <p:cond delay="0"/>
                                          </p:stCondLst>
                                        </p:cTn>
                                        <p:tgtEl>
                                          <p:spTgt spid="29"/>
                                        </p:tgtEl>
                                        <p:attrNameLst>
                                          <p:attrName>style.visibility</p:attrName>
                                        </p:attrNameLst>
                                      </p:cBhvr>
                                      <p:to>
                                        <p:strVal val="visible"/>
                                      </p:to>
                                    </p:set>
                                    <p:animEffect transition="in" filter="wipe(right)">
                                      <p:cBhvr>
                                        <p:cTn id="28" dur="500"/>
                                        <p:tgtEl>
                                          <p:spTgt spid="29"/>
                                        </p:tgtEl>
                                      </p:cBhvr>
                                    </p:animEffect>
                                  </p:childTnLst>
                                </p:cTn>
                              </p:par>
                            </p:childTnLst>
                          </p:cTn>
                        </p:par>
                        <p:par>
                          <p:cTn id="29" fill="hold">
                            <p:stCondLst>
                              <p:cond delay="1000"/>
                            </p:stCondLst>
                            <p:childTnLst>
                              <p:par>
                                <p:cTn id="30" presetID="22" presetClass="entr" presetSubtype="2" fill="hold" grpId="0" nodeType="afterEffect">
                                  <p:stCondLst>
                                    <p:cond delay="0"/>
                                  </p:stCondLst>
                                  <p:childTnLst>
                                    <p:set>
                                      <p:cBhvr>
                                        <p:cTn id="31" dur="1" fill="hold">
                                          <p:stCondLst>
                                            <p:cond delay="0"/>
                                          </p:stCondLst>
                                        </p:cTn>
                                        <p:tgtEl>
                                          <p:spTgt spid="13"/>
                                        </p:tgtEl>
                                        <p:attrNameLst>
                                          <p:attrName>style.visibility</p:attrName>
                                        </p:attrNameLst>
                                      </p:cBhvr>
                                      <p:to>
                                        <p:strVal val="visible"/>
                                      </p:to>
                                    </p:set>
                                    <p:animEffect transition="in" filter="wipe(right)">
                                      <p:cBhvr>
                                        <p:cTn id="32" dur="500"/>
                                        <p:tgtEl>
                                          <p:spTgt spid="13"/>
                                        </p:tgtEl>
                                      </p:cBhvr>
                                    </p:animEffect>
                                  </p:childTnLst>
                                </p:cTn>
                              </p:par>
                            </p:childTnLst>
                          </p:cTn>
                        </p:par>
                        <p:par>
                          <p:cTn id="33" fill="hold">
                            <p:stCondLst>
                              <p:cond delay="1500"/>
                            </p:stCondLst>
                            <p:childTnLst>
                              <p:par>
                                <p:cTn id="34" presetID="22" presetClass="entr" presetSubtype="2" fill="hold" grpId="0" nodeType="afterEffect">
                                  <p:stCondLst>
                                    <p:cond delay="0"/>
                                  </p:stCondLst>
                                  <p:childTnLst>
                                    <p:set>
                                      <p:cBhvr>
                                        <p:cTn id="35" dur="1" fill="hold">
                                          <p:stCondLst>
                                            <p:cond delay="0"/>
                                          </p:stCondLst>
                                        </p:cTn>
                                        <p:tgtEl>
                                          <p:spTgt spid="34"/>
                                        </p:tgtEl>
                                        <p:attrNameLst>
                                          <p:attrName>style.visibility</p:attrName>
                                        </p:attrNameLst>
                                      </p:cBhvr>
                                      <p:to>
                                        <p:strVal val="visible"/>
                                      </p:to>
                                    </p:set>
                                    <p:animEffect transition="in" filter="wipe(right)">
                                      <p:cBhvr>
                                        <p:cTn id="36" dur="500"/>
                                        <p:tgtEl>
                                          <p:spTgt spid="34"/>
                                        </p:tgtEl>
                                      </p:cBhvr>
                                    </p:animEffect>
                                  </p:childTnLst>
                                </p:cTn>
                              </p:par>
                            </p:childTnLst>
                          </p:cTn>
                        </p:par>
                      </p:childTnLst>
                    </p:cTn>
                  </p:par>
                  <p:par>
                    <p:cTn id="37" fill="hold">
                      <p:stCondLst>
                        <p:cond delay="indefinite"/>
                      </p:stCondLst>
                      <p:childTnLst>
                        <p:par>
                          <p:cTn id="38" fill="hold">
                            <p:stCondLst>
                              <p:cond delay="0"/>
                            </p:stCondLst>
                            <p:childTnLst>
                              <p:par>
                                <p:cTn id="39" presetID="22" presetClass="entr" presetSubtype="4" fill="hold" grpId="0" nodeType="clickEffect">
                                  <p:stCondLst>
                                    <p:cond delay="0"/>
                                  </p:stCondLst>
                                  <p:childTnLst>
                                    <p:set>
                                      <p:cBhvr>
                                        <p:cTn id="40" dur="1" fill="hold">
                                          <p:stCondLst>
                                            <p:cond delay="0"/>
                                          </p:stCondLst>
                                        </p:cTn>
                                        <p:tgtEl>
                                          <p:spTgt spid="32"/>
                                        </p:tgtEl>
                                        <p:attrNameLst>
                                          <p:attrName>style.visibility</p:attrName>
                                        </p:attrNameLst>
                                      </p:cBhvr>
                                      <p:to>
                                        <p:strVal val="visible"/>
                                      </p:to>
                                    </p:set>
                                    <p:animEffect transition="in" filter="wipe(down)">
                                      <p:cBhvr>
                                        <p:cTn id="41" dur="500"/>
                                        <p:tgtEl>
                                          <p:spTgt spid="32"/>
                                        </p:tgtEl>
                                      </p:cBhvr>
                                    </p:animEffect>
                                  </p:childTnLst>
                                </p:cTn>
                              </p:par>
                              <p:par>
                                <p:cTn id="42" presetID="22" presetClass="entr" presetSubtype="8" fill="hold" grpId="0" nodeType="withEffect">
                                  <p:stCondLst>
                                    <p:cond delay="0"/>
                                  </p:stCondLst>
                                  <p:childTnLst>
                                    <p:set>
                                      <p:cBhvr>
                                        <p:cTn id="43" dur="1" fill="hold">
                                          <p:stCondLst>
                                            <p:cond delay="0"/>
                                          </p:stCondLst>
                                        </p:cTn>
                                        <p:tgtEl>
                                          <p:spTgt spid="31"/>
                                        </p:tgtEl>
                                        <p:attrNameLst>
                                          <p:attrName>style.visibility</p:attrName>
                                        </p:attrNameLst>
                                      </p:cBhvr>
                                      <p:to>
                                        <p:strVal val="visible"/>
                                      </p:to>
                                    </p:set>
                                    <p:animEffect transition="in" filter="wipe(left)">
                                      <p:cBhvr>
                                        <p:cTn id="44" dur="500"/>
                                        <p:tgtEl>
                                          <p:spTgt spid="31"/>
                                        </p:tgtEl>
                                      </p:cBhvr>
                                    </p:animEffect>
                                  </p:childTnLst>
                                </p:cTn>
                              </p:par>
                              <p:par>
                                <p:cTn id="45" presetID="22" presetClass="entr" presetSubtype="8" fill="hold" grpId="0" nodeType="withEffect">
                                  <p:stCondLst>
                                    <p:cond delay="0"/>
                                  </p:stCondLst>
                                  <p:childTnLst>
                                    <p:set>
                                      <p:cBhvr>
                                        <p:cTn id="46" dur="1" fill="hold">
                                          <p:stCondLst>
                                            <p:cond delay="0"/>
                                          </p:stCondLst>
                                        </p:cTn>
                                        <p:tgtEl>
                                          <p:spTgt spid="14"/>
                                        </p:tgtEl>
                                        <p:attrNameLst>
                                          <p:attrName>style.visibility</p:attrName>
                                        </p:attrNameLst>
                                      </p:cBhvr>
                                      <p:to>
                                        <p:strVal val="visible"/>
                                      </p:to>
                                    </p:set>
                                    <p:animEffect transition="in" filter="wipe(left)">
                                      <p:cBhvr>
                                        <p:cTn id="47" dur="500"/>
                                        <p:tgtEl>
                                          <p:spTgt spid="14"/>
                                        </p:tgtEl>
                                      </p:cBhvr>
                                    </p:animEffect>
                                  </p:childTnLst>
                                </p:cTn>
                              </p:par>
                            </p:childTnLst>
                          </p:cTn>
                        </p:par>
                        <p:par>
                          <p:cTn id="48" fill="hold">
                            <p:stCondLst>
                              <p:cond delay="500"/>
                            </p:stCondLst>
                            <p:childTnLst>
                              <p:par>
                                <p:cTn id="49" presetID="22" presetClass="entr" presetSubtype="8" fill="hold" grpId="0" nodeType="afterEffect">
                                  <p:stCondLst>
                                    <p:cond delay="0"/>
                                  </p:stCondLst>
                                  <p:childTnLst>
                                    <p:set>
                                      <p:cBhvr>
                                        <p:cTn id="50" dur="1" fill="hold">
                                          <p:stCondLst>
                                            <p:cond delay="0"/>
                                          </p:stCondLst>
                                        </p:cTn>
                                        <p:tgtEl>
                                          <p:spTgt spid="35"/>
                                        </p:tgtEl>
                                        <p:attrNameLst>
                                          <p:attrName>style.visibility</p:attrName>
                                        </p:attrNameLst>
                                      </p:cBhvr>
                                      <p:to>
                                        <p:strVal val="visible"/>
                                      </p:to>
                                    </p:set>
                                    <p:animEffect transition="in" filter="wipe(left)">
                                      <p:cBhvr>
                                        <p:cTn id="51" dur="500"/>
                                        <p:tgtEl>
                                          <p:spTgt spid="3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13" grpId="0" animBg="1"/>
      <p:bldP spid="14" grpId="0" animBg="1"/>
      <p:bldP spid="27" grpId="0" animBg="1"/>
      <p:bldP spid="28" grpId="0" animBg="1"/>
      <p:bldP spid="29" grpId="0" animBg="1"/>
      <p:bldP spid="30" grpId="0" animBg="1"/>
      <p:bldP spid="31" grpId="0" animBg="1"/>
      <p:bldP spid="32" grpId="0" animBg="1"/>
      <p:bldP spid="33" grpId="0"/>
      <p:bldP spid="34" grpId="0"/>
      <p:bldP spid="35" grpId="0"/>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 name="Rounded Rectangle 101">
            <a:extLst>
              <a:ext uri="{FF2B5EF4-FFF2-40B4-BE49-F238E27FC236}">
                <a16:creationId xmlns:a16="http://schemas.microsoft.com/office/drawing/2014/main" id="{947E39EB-D259-4E2C-B42F-E334F80CC098}"/>
              </a:ext>
            </a:extLst>
          </p:cNvPr>
          <p:cNvSpPr/>
          <p:nvPr/>
        </p:nvSpPr>
        <p:spPr>
          <a:xfrm rot="18900000">
            <a:off x="3449907" y="2888868"/>
            <a:ext cx="1183827" cy="1183827"/>
          </a:xfrm>
          <a:prstGeom prst="roundRect">
            <a:avLst>
              <a:gd name="adj" fmla="val 15614"/>
            </a:avLst>
          </a:prstGeom>
          <a:solidFill>
            <a:srgbClr val="57687C"/>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prstClr val="white"/>
              </a:solidFill>
              <a:effectLst/>
              <a:uLnTx/>
              <a:uFillTx/>
              <a:latin typeface="Arial"/>
              <a:cs typeface="+mn-cs"/>
            </a:endParaRPr>
          </a:p>
        </p:txBody>
      </p:sp>
      <p:grpSp>
        <p:nvGrpSpPr>
          <p:cNvPr id="33" name="Group 109">
            <a:extLst>
              <a:ext uri="{FF2B5EF4-FFF2-40B4-BE49-F238E27FC236}">
                <a16:creationId xmlns:a16="http://schemas.microsoft.com/office/drawing/2014/main" id="{6A4F60FB-DDCF-43FF-9920-58E60C1DB8DC}"/>
              </a:ext>
            </a:extLst>
          </p:cNvPr>
          <p:cNvGrpSpPr/>
          <p:nvPr/>
        </p:nvGrpSpPr>
        <p:grpSpPr>
          <a:xfrm>
            <a:off x="4207619" y="1641317"/>
            <a:ext cx="1980000" cy="1811627"/>
            <a:chOff x="4678493" y="1987706"/>
            <a:chExt cx="2712942" cy="1811627"/>
          </a:xfrm>
        </p:grpSpPr>
        <p:sp>
          <p:nvSpPr>
            <p:cNvPr id="34" name="Right Arrow 51">
              <a:extLst>
                <a:ext uri="{FF2B5EF4-FFF2-40B4-BE49-F238E27FC236}">
                  <a16:creationId xmlns:a16="http://schemas.microsoft.com/office/drawing/2014/main" id="{66B45EE8-00A5-49CB-90BF-4E943D5D0468}"/>
                </a:ext>
              </a:extLst>
            </p:cNvPr>
            <p:cNvSpPr/>
            <p:nvPr/>
          </p:nvSpPr>
          <p:spPr>
            <a:xfrm>
              <a:off x="5869620" y="1987706"/>
              <a:ext cx="1521815" cy="753796"/>
            </a:xfrm>
            <a:prstGeom prst="rightArrow">
              <a:avLst/>
            </a:prstGeom>
            <a:solidFill>
              <a:srgbClr val="07A398"/>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srgbClr val="000000"/>
                </a:solidFill>
                <a:effectLst/>
                <a:uLnTx/>
                <a:uFillTx/>
                <a:latin typeface="Arial"/>
                <a:cs typeface="+mn-cs"/>
              </a:endParaRPr>
            </a:p>
          </p:txBody>
        </p:sp>
        <p:sp>
          <p:nvSpPr>
            <p:cNvPr id="35" name="Isosceles Triangle 29">
              <a:extLst>
                <a:ext uri="{FF2B5EF4-FFF2-40B4-BE49-F238E27FC236}">
                  <a16:creationId xmlns:a16="http://schemas.microsoft.com/office/drawing/2014/main" id="{C9BB6C8E-62E1-466F-A7C8-51C65D315076}"/>
                </a:ext>
              </a:extLst>
            </p:cNvPr>
            <p:cNvSpPr/>
            <p:nvPr/>
          </p:nvSpPr>
          <p:spPr>
            <a:xfrm rot="16200000">
              <a:off x="4465302" y="2390078"/>
              <a:ext cx="1622446" cy="1196064"/>
            </a:xfrm>
            <a:custGeom>
              <a:avLst/>
              <a:gdLst>
                <a:gd name="connsiteX0" fmla="*/ 0 w 389393"/>
                <a:gd name="connsiteY0" fmla="*/ 1077005 h 1077005"/>
                <a:gd name="connsiteX1" fmla="*/ 0 w 389393"/>
                <a:gd name="connsiteY1" fmla="*/ 0 h 1077005"/>
                <a:gd name="connsiteX2" fmla="*/ 389393 w 389393"/>
                <a:gd name="connsiteY2" fmla="*/ 1077005 h 1077005"/>
                <a:gd name="connsiteX3" fmla="*/ 0 w 389393"/>
                <a:gd name="connsiteY3" fmla="*/ 1077005 h 1077005"/>
                <a:gd name="connsiteX0" fmla="*/ 781050 w 1170443"/>
                <a:gd name="connsiteY0" fmla="*/ 943655 h 943655"/>
                <a:gd name="connsiteX1" fmla="*/ 0 w 1170443"/>
                <a:gd name="connsiteY1" fmla="*/ 0 h 943655"/>
                <a:gd name="connsiteX2" fmla="*/ 1170443 w 1170443"/>
                <a:gd name="connsiteY2" fmla="*/ 943655 h 943655"/>
                <a:gd name="connsiteX3" fmla="*/ 781050 w 1170443"/>
                <a:gd name="connsiteY3" fmla="*/ 943655 h 943655"/>
                <a:gd name="connsiteX0" fmla="*/ 776026 w 1170443"/>
                <a:gd name="connsiteY0" fmla="*/ 948417 h 948417"/>
                <a:gd name="connsiteX1" fmla="*/ 0 w 1170443"/>
                <a:gd name="connsiteY1" fmla="*/ 0 h 948417"/>
                <a:gd name="connsiteX2" fmla="*/ 1170443 w 1170443"/>
                <a:gd name="connsiteY2" fmla="*/ 943655 h 948417"/>
                <a:gd name="connsiteX3" fmla="*/ 776026 w 1170443"/>
                <a:gd name="connsiteY3" fmla="*/ 948417 h 948417"/>
                <a:gd name="connsiteX0" fmla="*/ 776026 w 1170443"/>
                <a:gd name="connsiteY0" fmla="*/ 948417 h 952860"/>
                <a:gd name="connsiteX1" fmla="*/ 0 w 1170443"/>
                <a:gd name="connsiteY1" fmla="*/ 0 h 952860"/>
                <a:gd name="connsiteX2" fmla="*/ 1170443 w 1170443"/>
                <a:gd name="connsiteY2" fmla="*/ 952860 h 952860"/>
                <a:gd name="connsiteX3" fmla="*/ 776026 w 1170443"/>
                <a:gd name="connsiteY3" fmla="*/ 948417 h 952860"/>
                <a:gd name="connsiteX0" fmla="*/ 776026 w 1163968"/>
                <a:gd name="connsiteY0" fmla="*/ 948417 h 952863"/>
                <a:gd name="connsiteX1" fmla="*/ 0 w 1163968"/>
                <a:gd name="connsiteY1" fmla="*/ 0 h 952863"/>
                <a:gd name="connsiteX2" fmla="*/ 1163968 w 1163968"/>
                <a:gd name="connsiteY2" fmla="*/ 952863 h 952863"/>
                <a:gd name="connsiteX3" fmla="*/ 776026 w 1163968"/>
                <a:gd name="connsiteY3" fmla="*/ 948417 h 952863"/>
                <a:gd name="connsiteX0" fmla="*/ 776026 w 1168993"/>
                <a:gd name="connsiteY0" fmla="*/ 948417 h 955244"/>
                <a:gd name="connsiteX1" fmla="*/ 0 w 1168993"/>
                <a:gd name="connsiteY1" fmla="*/ 0 h 955244"/>
                <a:gd name="connsiteX2" fmla="*/ 1168993 w 1168993"/>
                <a:gd name="connsiteY2" fmla="*/ 955244 h 955244"/>
                <a:gd name="connsiteX3" fmla="*/ 776026 w 1168993"/>
                <a:gd name="connsiteY3" fmla="*/ 948417 h 955244"/>
                <a:gd name="connsiteX0" fmla="*/ 776026 w 1161456"/>
                <a:gd name="connsiteY0" fmla="*/ 948417 h 948417"/>
                <a:gd name="connsiteX1" fmla="*/ 0 w 1161456"/>
                <a:gd name="connsiteY1" fmla="*/ 0 h 948417"/>
                <a:gd name="connsiteX2" fmla="*/ 1161456 w 1161456"/>
                <a:gd name="connsiteY2" fmla="*/ 945719 h 948417"/>
                <a:gd name="connsiteX3" fmla="*/ 776026 w 1161456"/>
                <a:gd name="connsiteY3" fmla="*/ 948417 h 948417"/>
                <a:gd name="connsiteX0" fmla="*/ 776026 w 1168992"/>
                <a:gd name="connsiteY0" fmla="*/ 948417 h 950484"/>
                <a:gd name="connsiteX1" fmla="*/ 0 w 1168992"/>
                <a:gd name="connsiteY1" fmla="*/ 0 h 950484"/>
                <a:gd name="connsiteX2" fmla="*/ 1168992 w 1168992"/>
                <a:gd name="connsiteY2" fmla="*/ 950484 h 950484"/>
                <a:gd name="connsiteX3" fmla="*/ 776026 w 1168992"/>
                <a:gd name="connsiteY3" fmla="*/ 948417 h 950484"/>
                <a:gd name="connsiteX0" fmla="*/ 776026 w 1176528"/>
                <a:gd name="connsiteY0" fmla="*/ 948417 h 950487"/>
                <a:gd name="connsiteX1" fmla="*/ 0 w 1176528"/>
                <a:gd name="connsiteY1" fmla="*/ 0 h 950487"/>
                <a:gd name="connsiteX2" fmla="*/ 1176528 w 1176528"/>
                <a:gd name="connsiteY2" fmla="*/ 950487 h 950487"/>
                <a:gd name="connsiteX3" fmla="*/ 776026 w 1176528"/>
                <a:gd name="connsiteY3" fmla="*/ 948417 h 950487"/>
                <a:gd name="connsiteX0" fmla="*/ 776026 w 1168992"/>
                <a:gd name="connsiteY0" fmla="*/ 948417 h 950490"/>
                <a:gd name="connsiteX1" fmla="*/ 0 w 1168992"/>
                <a:gd name="connsiteY1" fmla="*/ 0 h 950490"/>
                <a:gd name="connsiteX2" fmla="*/ 1168992 w 1168992"/>
                <a:gd name="connsiteY2" fmla="*/ 950490 h 950490"/>
                <a:gd name="connsiteX3" fmla="*/ 776026 w 1168992"/>
                <a:gd name="connsiteY3" fmla="*/ 948417 h 950490"/>
                <a:gd name="connsiteX0" fmla="*/ 776026 w 1168991"/>
                <a:gd name="connsiteY0" fmla="*/ 948417 h 948417"/>
                <a:gd name="connsiteX1" fmla="*/ 0 w 1168991"/>
                <a:gd name="connsiteY1" fmla="*/ 0 h 948417"/>
                <a:gd name="connsiteX2" fmla="*/ 1168991 w 1168991"/>
                <a:gd name="connsiteY2" fmla="*/ 948111 h 948417"/>
                <a:gd name="connsiteX3" fmla="*/ 776026 w 1168991"/>
                <a:gd name="connsiteY3" fmla="*/ 948417 h 948417"/>
                <a:gd name="connsiteX0" fmla="*/ 1318642 w 1711607"/>
                <a:gd name="connsiteY0" fmla="*/ 1196064 h 1196064"/>
                <a:gd name="connsiteX1" fmla="*/ 0 w 1711607"/>
                <a:gd name="connsiteY1" fmla="*/ 0 h 1196064"/>
                <a:gd name="connsiteX2" fmla="*/ 1711607 w 1711607"/>
                <a:gd name="connsiteY2" fmla="*/ 1195758 h 1196064"/>
                <a:gd name="connsiteX3" fmla="*/ 1318642 w 1711607"/>
                <a:gd name="connsiteY3" fmla="*/ 1196064 h 1196064"/>
              </a:gdLst>
              <a:ahLst/>
              <a:cxnLst>
                <a:cxn ang="0">
                  <a:pos x="connsiteX0" y="connsiteY0"/>
                </a:cxn>
                <a:cxn ang="0">
                  <a:pos x="connsiteX1" y="connsiteY1"/>
                </a:cxn>
                <a:cxn ang="0">
                  <a:pos x="connsiteX2" y="connsiteY2"/>
                </a:cxn>
                <a:cxn ang="0">
                  <a:pos x="connsiteX3" y="connsiteY3"/>
                </a:cxn>
              </a:cxnLst>
              <a:rect l="l" t="t" r="r" b="b"/>
              <a:pathLst>
                <a:path w="1711607" h="1196064">
                  <a:moveTo>
                    <a:pt x="1318642" y="1196064"/>
                  </a:moveTo>
                  <a:lnTo>
                    <a:pt x="0" y="0"/>
                  </a:lnTo>
                  <a:lnTo>
                    <a:pt x="1711607" y="1195758"/>
                  </a:lnTo>
                  <a:lnTo>
                    <a:pt x="1318642" y="1196064"/>
                  </a:lnTo>
                  <a:close/>
                </a:path>
              </a:pathLst>
            </a:custGeom>
            <a:gradFill>
              <a:gsLst>
                <a:gs pos="0">
                  <a:srgbClr val="07A398"/>
                </a:gs>
                <a:gs pos="100000">
                  <a:srgbClr val="07A398">
                    <a:lumMod val="10000"/>
                  </a:srgbClr>
                </a:gs>
              </a:gsLst>
              <a:lin ang="16200000" scaled="1"/>
            </a:gradFill>
            <a:ln>
              <a:noFill/>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srgbClr val="000000"/>
                </a:solidFill>
                <a:effectLst/>
                <a:uLnTx/>
                <a:uFillTx/>
              </a:endParaRPr>
            </a:p>
          </p:txBody>
        </p:sp>
      </p:grpSp>
      <p:grpSp>
        <p:nvGrpSpPr>
          <p:cNvPr id="36" name="Group 112">
            <a:extLst>
              <a:ext uri="{FF2B5EF4-FFF2-40B4-BE49-F238E27FC236}">
                <a16:creationId xmlns:a16="http://schemas.microsoft.com/office/drawing/2014/main" id="{998139F3-CDCD-4A49-A12C-D7F5107774C4}"/>
              </a:ext>
            </a:extLst>
          </p:cNvPr>
          <p:cNvGrpSpPr/>
          <p:nvPr/>
        </p:nvGrpSpPr>
        <p:grpSpPr>
          <a:xfrm flipV="1">
            <a:off x="4221523" y="3495479"/>
            <a:ext cx="1966097" cy="1754475"/>
            <a:chOff x="4697542" y="1987706"/>
            <a:chExt cx="2693893" cy="1754475"/>
          </a:xfrm>
        </p:grpSpPr>
        <p:sp>
          <p:nvSpPr>
            <p:cNvPr id="37" name="Right Arrow 49">
              <a:extLst>
                <a:ext uri="{FF2B5EF4-FFF2-40B4-BE49-F238E27FC236}">
                  <a16:creationId xmlns:a16="http://schemas.microsoft.com/office/drawing/2014/main" id="{B4EB5509-591A-4C30-A926-DB27DD89E983}"/>
                </a:ext>
              </a:extLst>
            </p:cNvPr>
            <p:cNvSpPr/>
            <p:nvPr/>
          </p:nvSpPr>
          <p:spPr>
            <a:xfrm>
              <a:off x="5869620" y="1987706"/>
              <a:ext cx="1521815" cy="753796"/>
            </a:xfrm>
            <a:prstGeom prst="rightArrow">
              <a:avLst/>
            </a:prstGeom>
            <a:solidFill>
              <a:srgbClr val="57687C"/>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dirty="0">
                <a:ln>
                  <a:noFill/>
                </a:ln>
                <a:solidFill>
                  <a:srgbClr val="000000"/>
                </a:solidFill>
                <a:effectLst/>
                <a:uLnTx/>
                <a:uFillTx/>
                <a:latin typeface="Arial"/>
                <a:cs typeface="+mn-cs"/>
              </a:endParaRPr>
            </a:p>
          </p:txBody>
        </p:sp>
        <p:sp>
          <p:nvSpPr>
            <p:cNvPr id="38" name="Isosceles Triangle 29">
              <a:extLst>
                <a:ext uri="{FF2B5EF4-FFF2-40B4-BE49-F238E27FC236}">
                  <a16:creationId xmlns:a16="http://schemas.microsoft.com/office/drawing/2014/main" id="{EAECB9D8-FB4B-4808-83B1-44B581C722D0}"/>
                </a:ext>
              </a:extLst>
            </p:cNvPr>
            <p:cNvSpPr/>
            <p:nvPr/>
          </p:nvSpPr>
          <p:spPr>
            <a:xfrm rot="16200000">
              <a:off x="4503403" y="2371026"/>
              <a:ext cx="1565294" cy="1177015"/>
            </a:xfrm>
            <a:custGeom>
              <a:avLst/>
              <a:gdLst>
                <a:gd name="connsiteX0" fmla="*/ 0 w 389393"/>
                <a:gd name="connsiteY0" fmla="*/ 1077005 h 1077005"/>
                <a:gd name="connsiteX1" fmla="*/ 0 w 389393"/>
                <a:gd name="connsiteY1" fmla="*/ 0 h 1077005"/>
                <a:gd name="connsiteX2" fmla="*/ 389393 w 389393"/>
                <a:gd name="connsiteY2" fmla="*/ 1077005 h 1077005"/>
                <a:gd name="connsiteX3" fmla="*/ 0 w 389393"/>
                <a:gd name="connsiteY3" fmla="*/ 1077005 h 1077005"/>
                <a:gd name="connsiteX0" fmla="*/ 781050 w 1170443"/>
                <a:gd name="connsiteY0" fmla="*/ 943655 h 943655"/>
                <a:gd name="connsiteX1" fmla="*/ 0 w 1170443"/>
                <a:gd name="connsiteY1" fmla="*/ 0 h 943655"/>
                <a:gd name="connsiteX2" fmla="*/ 1170443 w 1170443"/>
                <a:gd name="connsiteY2" fmla="*/ 943655 h 943655"/>
                <a:gd name="connsiteX3" fmla="*/ 781050 w 1170443"/>
                <a:gd name="connsiteY3" fmla="*/ 943655 h 943655"/>
                <a:gd name="connsiteX0" fmla="*/ 776026 w 1170443"/>
                <a:gd name="connsiteY0" fmla="*/ 948417 h 948417"/>
                <a:gd name="connsiteX1" fmla="*/ 0 w 1170443"/>
                <a:gd name="connsiteY1" fmla="*/ 0 h 948417"/>
                <a:gd name="connsiteX2" fmla="*/ 1170443 w 1170443"/>
                <a:gd name="connsiteY2" fmla="*/ 943655 h 948417"/>
                <a:gd name="connsiteX3" fmla="*/ 776026 w 1170443"/>
                <a:gd name="connsiteY3" fmla="*/ 948417 h 948417"/>
                <a:gd name="connsiteX0" fmla="*/ 776026 w 1170443"/>
                <a:gd name="connsiteY0" fmla="*/ 948417 h 952860"/>
                <a:gd name="connsiteX1" fmla="*/ 0 w 1170443"/>
                <a:gd name="connsiteY1" fmla="*/ 0 h 952860"/>
                <a:gd name="connsiteX2" fmla="*/ 1170443 w 1170443"/>
                <a:gd name="connsiteY2" fmla="*/ 952860 h 952860"/>
                <a:gd name="connsiteX3" fmla="*/ 776026 w 1170443"/>
                <a:gd name="connsiteY3" fmla="*/ 948417 h 952860"/>
                <a:gd name="connsiteX0" fmla="*/ 776026 w 1163968"/>
                <a:gd name="connsiteY0" fmla="*/ 948417 h 952863"/>
                <a:gd name="connsiteX1" fmla="*/ 0 w 1163968"/>
                <a:gd name="connsiteY1" fmla="*/ 0 h 952863"/>
                <a:gd name="connsiteX2" fmla="*/ 1163968 w 1163968"/>
                <a:gd name="connsiteY2" fmla="*/ 952863 h 952863"/>
                <a:gd name="connsiteX3" fmla="*/ 776026 w 1163968"/>
                <a:gd name="connsiteY3" fmla="*/ 948417 h 952863"/>
                <a:gd name="connsiteX0" fmla="*/ 776026 w 1168993"/>
                <a:gd name="connsiteY0" fmla="*/ 948417 h 955244"/>
                <a:gd name="connsiteX1" fmla="*/ 0 w 1168993"/>
                <a:gd name="connsiteY1" fmla="*/ 0 h 955244"/>
                <a:gd name="connsiteX2" fmla="*/ 1168993 w 1168993"/>
                <a:gd name="connsiteY2" fmla="*/ 955244 h 955244"/>
                <a:gd name="connsiteX3" fmla="*/ 776026 w 1168993"/>
                <a:gd name="connsiteY3" fmla="*/ 948417 h 955244"/>
                <a:gd name="connsiteX0" fmla="*/ 776026 w 1161456"/>
                <a:gd name="connsiteY0" fmla="*/ 948417 h 948417"/>
                <a:gd name="connsiteX1" fmla="*/ 0 w 1161456"/>
                <a:gd name="connsiteY1" fmla="*/ 0 h 948417"/>
                <a:gd name="connsiteX2" fmla="*/ 1161456 w 1161456"/>
                <a:gd name="connsiteY2" fmla="*/ 945719 h 948417"/>
                <a:gd name="connsiteX3" fmla="*/ 776026 w 1161456"/>
                <a:gd name="connsiteY3" fmla="*/ 948417 h 948417"/>
                <a:gd name="connsiteX0" fmla="*/ 776026 w 1168992"/>
                <a:gd name="connsiteY0" fmla="*/ 948417 h 950484"/>
                <a:gd name="connsiteX1" fmla="*/ 0 w 1168992"/>
                <a:gd name="connsiteY1" fmla="*/ 0 h 950484"/>
                <a:gd name="connsiteX2" fmla="*/ 1168992 w 1168992"/>
                <a:gd name="connsiteY2" fmla="*/ 950484 h 950484"/>
                <a:gd name="connsiteX3" fmla="*/ 776026 w 1168992"/>
                <a:gd name="connsiteY3" fmla="*/ 948417 h 950484"/>
                <a:gd name="connsiteX0" fmla="*/ 776026 w 1176528"/>
                <a:gd name="connsiteY0" fmla="*/ 948417 h 950487"/>
                <a:gd name="connsiteX1" fmla="*/ 0 w 1176528"/>
                <a:gd name="connsiteY1" fmla="*/ 0 h 950487"/>
                <a:gd name="connsiteX2" fmla="*/ 1176528 w 1176528"/>
                <a:gd name="connsiteY2" fmla="*/ 950487 h 950487"/>
                <a:gd name="connsiteX3" fmla="*/ 776026 w 1176528"/>
                <a:gd name="connsiteY3" fmla="*/ 948417 h 950487"/>
                <a:gd name="connsiteX0" fmla="*/ 776026 w 1168992"/>
                <a:gd name="connsiteY0" fmla="*/ 948417 h 950490"/>
                <a:gd name="connsiteX1" fmla="*/ 0 w 1168992"/>
                <a:gd name="connsiteY1" fmla="*/ 0 h 950490"/>
                <a:gd name="connsiteX2" fmla="*/ 1168992 w 1168992"/>
                <a:gd name="connsiteY2" fmla="*/ 950490 h 950490"/>
                <a:gd name="connsiteX3" fmla="*/ 776026 w 1168992"/>
                <a:gd name="connsiteY3" fmla="*/ 948417 h 950490"/>
                <a:gd name="connsiteX0" fmla="*/ 776026 w 1168991"/>
                <a:gd name="connsiteY0" fmla="*/ 948417 h 948417"/>
                <a:gd name="connsiteX1" fmla="*/ 0 w 1168991"/>
                <a:gd name="connsiteY1" fmla="*/ 0 h 948417"/>
                <a:gd name="connsiteX2" fmla="*/ 1168991 w 1168991"/>
                <a:gd name="connsiteY2" fmla="*/ 948111 h 948417"/>
                <a:gd name="connsiteX3" fmla="*/ 776026 w 1168991"/>
                <a:gd name="connsiteY3" fmla="*/ 948417 h 948417"/>
                <a:gd name="connsiteX0" fmla="*/ 1258349 w 1651314"/>
                <a:gd name="connsiteY0" fmla="*/ 1177015 h 1177015"/>
                <a:gd name="connsiteX1" fmla="*/ 0 w 1651314"/>
                <a:gd name="connsiteY1" fmla="*/ 0 h 1177015"/>
                <a:gd name="connsiteX2" fmla="*/ 1651314 w 1651314"/>
                <a:gd name="connsiteY2" fmla="*/ 1176709 h 1177015"/>
                <a:gd name="connsiteX3" fmla="*/ 1258349 w 1651314"/>
                <a:gd name="connsiteY3" fmla="*/ 1177015 h 1177015"/>
              </a:gdLst>
              <a:ahLst/>
              <a:cxnLst>
                <a:cxn ang="0">
                  <a:pos x="connsiteX0" y="connsiteY0"/>
                </a:cxn>
                <a:cxn ang="0">
                  <a:pos x="connsiteX1" y="connsiteY1"/>
                </a:cxn>
                <a:cxn ang="0">
                  <a:pos x="connsiteX2" y="connsiteY2"/>
                </a:cxn>
                <a:cxn ang="0">
                  <a:pos x="connsiteX3" y="connsiteY3"/>
                </a:cxn>
              </a:cxnLst>
              <a:rect l="l" t="t" r="r" b="b"/>
              <a:pathLst>
                <a:path w="1651314" h="1177015">
                  <a:moveTo>
                    <a:pt x="1258349" y="1177015"/>
                  </a:moveTo>
                  <a:lnTo>
                    <a:pt x="0" y="0"/>
                  </a:lnTo>
                  <a:lnTo>
                    <a:pt x="1651314" y="1176709"/>
                  </a:lnTo>
                  <a:lnTo>
                    <a:pt x="1258349" y="1177015"/>
                  </a:lnTo>
                  <a:close/>
                </a:path>
              </a:pathLst>
            </a:custGeom>
            <a:gradFill>
              <a:gsLst>
                <a:gs pos="0">
                  <a:srgbClr val="57687C"/>
                </a:gs>
                <a:gs pos="100000">
                  <a:srgbClr val="57687C">
                    <a:lumMod val="10000"/>
                  </a:srgbClr>
                </a:gs>
              </a:gsLst>
              <a:lin ang="16200000" scaled="1"/>
            </a:gradFill>
            <a:ln>
              <a:noFill/>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dirty="0">
                <a:ln>
                  <a:noFill/>
                </a:ln>
                <a:solidFill>
                  <a:srgbClr val="000000"/>
                </a:solidFill>
                <a:effectLst/>
                <a:uLnTx/>
                <a:uFillTx/>
              </a:endParaRPr>
            </a:p>
          </p:txBody>
        </p:sp>
      </p:grpSp>
      <p:grpSp>
        <p:nvGrpSpPr>
          <p:cNvPr id="39" name="Group 115">
            <a:extLst>
              <a:ext uri="{FF2B5EF4-FFF2-40B4-BE49-F238E27FC236}">
                <a16:creationId xmlns:a16="http://schemas.microsoft.com/office/drawing/2014/main" id="{8C3794D8-64D9-40F7-A4C6-851B238340CB}"/>
              </a:ext>
            </a:extLst>
          </p:cNvPr>
          <p:cNvGrpSpPr/>
          <p:nvPr/>
        </p:nvGrpSpPr>
        <p:grpSpPr>
          <a:xfrm>
            <a:off x="4242378" y="3103882"/>
            <a:ext cx="1945242" cy="753796"/>
            <a:chOff x="4726118" y="1987706"/>
            <a:chExt cx="2665317" cy="753796"/>
          </a:xfrm>
        </p:grpSpPr>
        <p:sp>
          <p:nvSpPr>
            <p:cNvPr id="40" name="Right Arrow 47">
              <a:extLst>
                <a:ext uri="{FF2B5EF4-FFF2-40B4-BE49-F238E27FC236}">
                  <a16:creationId xmlns:a16="http://schemas.microsoft.com/office/drawing/2014/main" id="{A3D00585-6EAF-4AAE-A4D2-E34989206F6A}"/>
                </a:ext>
              </a:extLst>
            </p:cNvPr>
            <p:cNvSpPr/>
            <p:nvPr/>
          </p:nvSpPr>
          <p:spPr>
            <a:xfrm>
              <a:off x="5869620" y="1987706"/>
              <a:ext cx="1521815" cy="753796"/>
            </a:xfrm>
            <a:prstGeom prst="rightArrow">
              <a:avLst/>
            </a:prstGeom>
            <a:solidFill>
              <a:srgbClr val="FBA200"/>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srgbClr val="000000"/>
                </a:solidFill>
                <a:effectLst/>
                <a:uLnTx/>
                <a:uFillTx/>
                <a:latin typeface="Arial"/>
                <a:cs typeface="+mn-cs"/>
              </a:endParaRPr>
            </a:p>
          </p:txBody>
        </p:sp>
        <p:sp>
          <p:nvSpPr>
            <p:cNvPr id="41" name="Isosceles Triangle 29">
              <a:extLst>
                <a:ext uri="{FF2B5EF4-FFF2-40B4-BE49-F238E27FC236}">
                  <a16:creationId xmlns:a16="http://schemas.microsoft.com/office/drawing/2014/main" id="{E41BD116-550D-484A-A8C3-503CAAF0B86C}"/>
                </a:ext>
              </a:extLst>
            </p:cNvPr>
            <p:cNvSpPr/>
            <p:nvPr/>
          </p:nvSpPr>
          <p:spPr>
            <a:xfrm rot="16200000">
              <a:off x="5114090" y="1788914"/>
              <a:ext cx="372495" cy="1148439"/>
            </a:xfrm>
            <a:custGeom>
              <a:avLst/>
              <a:gdLst>
                <a:gd name="connsiteX0" fmla="*/ 0 w 389393"/>
                <a:gd name="connsiteY0" fmla="*/ 1077005 h 1077005"/>
                <a:gd name="connsiteX1" fmla="*/ 0 w 389393"/>
                <a:gd name="connsiteY1" fmla="*/ 0 h 1077005"/>
                <a:gd name="connsiteX2" fmla="*/ 389393 w 389393"/>
                <a:gd name="connsiteY2" fmla="*/ 1077005 h 1077005"/>
                <a:gd name="connsiteX3" fmla="*/ 0 w 389393"/>
                <a:gd name="connsiteY3" fmla="*/ 1077005 h 1077005"/>
                <a:gd name="connsiteX0" fmla="*/ 781050 w 1170443"/>
                <a:gd name="connsiteY0" fmla="*/ 943655 h 943655"/>
                <a:gd name="connsiteX1" fmla="*/ 0 w 1170443"/>
                <a:gd name="connsiteY1" fmla="*/ 0 h 943655"/>
                <a:gd name="connsiteX2" fmla="*/ 1170443 w 1170443"/>
                <a:gd name="connsiteY2" fmla="*/ 943655 h 943655"/>
                <a:gd name="connsiteX3" fmla="*/ 781050 w 1170443"/>
                <a:gd name="connsiteY3" fmla="*/ 943655 h 943655"/>
                <a:gd name="connsiteX0" fmla="*/ 776026 w 1170443"/>
                <a:gd name="connsiteY0" fmla="*/ 948417 h 948417"/>
                <a:gd name="connsiteX1" fmla="*/ 0 w 1170443"/>
                <a:gd name="connsiteY1" fmla="*/ 0 h 948417"/>
                <a:gd name="connsiteX2" fmla="*/ 1170443 w 1170443"/>
                <a:gd name="connsiteY2" fmla="*/ 943655 h 948417"/>
                <a:gd name="connsiteX3" fmla="*/ 776026 w 1170443"/>
                <a:gd name="connsiteY3" fmla="*/ 948417 h 948417"/>
                <a:gd name="connsiteX0" fmla="*/ 776026 w 1170443"/>
                <a:gd name="connsiteY0" fmla="*/ 948417 h 952860"/>
                <a:gd name="connsiteX1" fmla="*/ 0 w 1170443"/>
                <a:gd name="connsiteY1" fmla="*/ 0 h 952860"/>
                <a:gd name="connsiteX2" fmla="*/ 1170443 w 1170443"/>
                <a:gd name="connsiteY2" fmla="*/ 952860 h 952860"/>
                <a:gd name="connsiteX3" fmla="*/ 776026 w 1170443"/>
                <a:gd name="connsiteY3" fmla="*/ 948417 h 952860"/>
                <a:gd name="connsiteX0" fmla="*/ 776026 w 1163968"/>
                <a:gd name="connsiteY0" fmla="*/ 948417 h 952863"/>
                <a:gd name="connsiteX1" fmla="*/ 0 w 1163968"/>
                <a:gd name="connsiteY1" fmla="*/ 0 h 952863"/>
                <a:gd name="connsiteX2" fmla="*/ 1163968 w 1163968"/>
                <a:gd name="connsiteY2" fmla="*/ 952863 h 952863"/>
                <a:gd name="connsiteX3" fmla="*/ 776026 w 1163968"/>
                <a:gd name="connsiteY3" fmla="*/ 948417 h 952863"/>
                <a:gd name="connsiteX0" fmla="*/ 776026 w 1168993"/>
                <a:gd name="connsiteY0" fmla="*/ 948417 h 955244"/>
                <a:gd name="connsiteX1" fmla="*/ 0 w 1168993"/>
                <a:gd name="connsiteY1" fmla="*/ 0 h 955244"/>
                <a:gd name="connsiteX2" fmla="*/ 1168993 w 1168993"/>
                <a:gd name="connsiteY2" fmla="*/ 955244 h 955244"/>
                <a:gd name="connsiteX3" fmla="*/ 776026 w 1168993"/>
                <a:gd name="connsiteY3" fmla="*/ 948417 h 955244"/>
                <a:gd name="connsiteX0" fmla="*/ 776026 w 1161456"/>
                <a:gd name="connsiteY0" fmla="*/ 948417 h 948417"/>
                <a:gd name="connsiteX1" fmla="*/ 0 w 1161456"/>
                <a:gd name="connsiteY1" fmla="*/ 0 h 948417"/>
                <a:gd name="connsiteX2" fmla="*/ 1161456 w 1161456"/>
                <a:gd name="connsiteY2" fmla="*/ 945719 h 948417"/>
                <a:gd name="connsiteX3" fmla="*/ 776026 w 1161456"/>
                <a:gd name="connsiteY3" fmla="*/ 948417 h 948417"/>
                <a:gd name="connsiteX0" fmla="*/ 776026 w 1168992"/>
                <a:gd name="connsiteY0" fmla="*/ 948417 h 950484"/>
                <a:gd name="connsiteX1" fmla="*/ 0 w 1168992"/>
                <a:gd name="connsiteY1" fmla="*/ 0 h 950484"/>
                <a:gd name="connsiteX2" fmla="*/ 1168992 w 1168992"/>
                <a:gd name="connsiteY2" fmla="*/ 950484 h 950484"/>
                <a:gd name="connsiteX3" fmla="*/ 776026 w 1168992"/>
                <a:gd name="connsiteY3" fmla="*/ 948417 h 950484"/>
                <a:gd name="connsiteX0" fmla="*/ 776026 w 1176528"/>
                <a:gd name="connsiteY0" fmla="*/ 948417 h 950487"/>
                <a:gd name="connsiteX1" fmla="*/ 0 w 1176528"/>
                <a:gd name="connsiteY1" fmla="*/ 0 h 950487"/>
                <a:gd name="connsiteX2" fmla="*/ 1176528 w 1176528"/>
                <a:gd name="connsiteY2" fmla="*/ 950487 h 950487"/>
                <a:gd name="connsiteX3" fmla="*/ 776026 w 1176528"/>
                <a:gd name="connsiteY3" fmla="*/ 948417 h 950487"/>
                <a:gd name="connsiteX0" fmla="*/ 776026 w 1168992"/>
                <a:gd name="connsiteY0" fmla="*/ 948417 h 950490"/>
                <a:gd name="connsiteX1" fmla="*/ 0 w 1168992"/>
                <a:gd name="connsiteY1" fmla="*/ 0 h 950490"/>
                <a:gd name="connsiteX2" fmla="*/ 1168992 w 1168992"/>
                <a:gd name="connsiteY2" fmla="*/ 950490 h 950490"/>
                <a:gd name="connsiteX3" fmla="*/ 776026 w 1168992"/>
                <a:gd name="connsiteY3" fmla="*/ 948417 h 950490"/>
                <a:gd name="connsiteX0" fmla="*/ 776026 w 1168991"/>
                <a:gd name="connsiteY0" fmla="*/ 948417 h 948417"/>
                <a:gd name="connsiteX1" fmla="*/ 0 w 1168991"/>
                <a:gd name="connsiteY1" fmla="*/ 0 h 948417"/>
                <a:gd name="connsiteX2" fmla="*/ 1168991 w 1168991"/>
                <a:gd name="connsiteY2" fmla="*/ 948111 h 948417"/>
                <a:gd name="connsiteX3" fmla="*/ 776026 w 1168991"/>
                <a:gd name="connsiteY3" fmla="*/ 948417 h 948417"/>
                <a:gd name="connsiteX0" fmla="*/ 0 w 392965"/>
                <a:gd name="connsiteY0" fmla="*/ 595989 h 595989"/>
                <a:gd name="connsiteX1" fmla="*/ 148430 w 392965"/>
                <a:gd name="connsiteY1" fmla="*/ 0 h 595989"/>
                <a:gd name="connsiteX2" fmla="*/ 392965 w 392965"/>
                <a:gd name="connsiteY2" fmla="*/ 595683 h 595989"/>
                <a:gd name="connsiteX3" fmla="*/ 0 w 392965"/>
                <a:gd name="connsiteY3" fmla="*/ 595989 h 595989"/>
                <a:gd name="connsiteX0" fmla="*/ 0 w 392965"/>
                <a:gd name="connsiteY0" fmla="*/ 1148439 h 1148439"/>
                <a:gd name="connsiteX1" fmla="*/ 148430 w 392965"/>
                <a:gd name="connsiteY1" fmla="*/ 0 h 1148439"/>
                <a:gd name="connsiteX2" fmla="*/ 392965 w 392965"/>
                <a:gd name="connsiteY2" fmla="*/ 1148133 h 1148439"/>
                <a:gd name="connsiteX3" fmla="*/ 0 w 392965"/>
                <a:gd name="connsiteY3" fmla="*/ 1148439 h 1148439"/>
              </a:gdLst>
              <a:ahLst/>
              <a:cxnLst>
                <a:cxn ang="0">
                  <a:pos x="connsiteX0" y="connsiteY0"/>
                </a:cxn>
                <a:cxn ang="0">
                  <a:pos x="connsiteX1" y="connsiteY1"/>
                </a:cxn>
                <a:cxn ang="0">
                  <a:pos x="connsiteX2" y="connsiteY2"/>
                </a:cxn>
                <a:cxn ang="0">
                  <a:pos x="connsiteX3" y="connsiteY3"/>
                </a:cxn>
              </a:cxnLst>
              <a:rect l="l" t="t" r="r" b="b"/>
              <a:pathLst>
                <a:path w="392965" h="1148439">
                  <a:moveTo>
                    <a:pt x="0" y="1148439"/>
                  </a:moveTo>
                  <a:lnTo>
                    <a:pt x="148430" y="0"/>
                  </a:lnTo>
                  <a:lnTo>
                    <a:pt x="392965" y="1148133"/>
                  </a:lnTo>
                  <a:lnTo>
                    <a:pt x="0" y="1148439"/>
                  </a:lnTo>
                  <a:close/>
                </a:path>
              </a:pathLst>
            </a:custGeom>
            <a:gradFill>
              <a:gsLst>
                <a:gs pos="50000">
                  <a:srgbClr val="FBA200">
                    <a:lumMod val="10000"/>
                  </a:srgbClr>
                </a:gs>
                <a:gs pos="0">
                  <a:srgbClr val="FBA200"/>
                </a:gs>
                <a:gs pos="100000">
                  <a:srgbClr val="FBA200">
                    <a:lumMod val="10000"/>
                  </a:srgbClr>
                </a:gs>
              </a:gsLst>
              <a:lin ang="16200000" scaled="1"/>
            </a:gradFill>
            <a:ln>
              <a:noFill/>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dirty="0">
                <a:ln>
                  <a:noFill/>
                </a:ln>
                <a:solidFill>
                  <a:srgbClr val="000000"/>
                </a:solidFill>
                <a:effectLst/>
                <a:uLnTx/>
                <a:uFillTx/>
              </a:endParaRPr>
            </a:p>
          </p:txBody>
        </p:sp>
      </p:grpSp>
      <p:sp>
        <p:nvSpPr>
          <p:cNvPr id="57" name="Rounded Rectangle 102">
            <a:extLst>
              <a:ext uri="{FF2B5EF4-FFF2-40B4-BE49-F238E27FC236}">
                <a16:creationId xmlns:a16="http://schemas.microsoft.com/office/drawing/2014/main" id="{2AA37564-FA0E-4F49-9C41-2D3C02E45EFA}"/>
              </a:ext>
            </a:extLst>
          </p:cNvPr>
          <p:cNvSpPr/>
          <p:nvPr/>
        </p:nvSpPr>
        <p:spPr>
          <a:xfrm rot="18900000">
            <a:off x="3536609" y="2975570"/>
            <a:ext cx="1010420" cy="1010420"/>
          </a:xfrm>
          <a:prstGeom prst="roundRect">
            <a:avLst>
              <a:gd name="adj" fmla="val 15614"/>
            </a:avLst>
          </a:prstGeom>
          <a:solidFill>
            <a:sysClr val="window" lastClr="FFFFFF"/>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prstClr val="white"/>
              </a:solidFill>
              <a:effectLst/>
              <a:uLnTx/>
              <a:uFillTx/>
              <a:latin typeface="Arial"/>
              <a:cs typeface="+mn-cs"/>
            </a:endParaRPr>
          </a:p>
        </p:txBody>
      </p:sp>
      <p:sp>
        <p:nvSpPr>
          <p:cNvPr id="62" name="Dikdörtgen 61"/>
          <p:cNvSpPr/>
          <p:nvPr/>
        </p:nvSpPr>
        <p:spPr>
          <a:xfrm>
            <a:off x="3391391" y="3151046"/>
            <a:ext cx="1259646" cy="646331"/>
          </a:xfrm>
          <a:prstGeom prst="rect">
            <a:avLst/>
          </a:prstGeom>
        </p:spPr>
        <p:txBody>
          <a:bodyPr wrap="square">
            <a:spAutoFit/>
          </a:bodyPr>
          <a:lstStyle/>
          <a:p>
            <a:pPr algn="ctr"/>
            <a:r>
              <a:rPr lang="tr-TR" dirty="0"/>
              <a:t>KUR’AN OKUMAK</a:t>
            </a:r>
          </a:p>
        </p:txBody>
      </p:sp>
      <p:sp>
        <p:nvSpPr>
          <p:cNvPr id="63" name="Dikdörtgen 62"/>
          <p:cNvSpPr/>
          <p:nvPr/>
        </p:nvSpPr>
        <p:spPr>
          <a:xfrm>
            <a:off x="6345836" y="1641317"/>
            <a:ext cx="5901128" cy="954107"/>
          </a:xfrm>
          <a:prstGeom prst="rect">
            <a:avLst/>
          </a:prstGeom>
        </p:spPr>
        <p:txBody>
          <a:bodyPr wrap="square">
            <a:spAutoFit/>
          </a:bodyPr>
          <a:lstStyle/>
          <a:p>
            <a:r>
              <a:rPr lang="tr-TR" sz="2800" dirty="0"/>
              <a:t>Kur’an okumak Rabbimizle</a:t>
            </a:r>
          </a:p>
          <a:p>
            <a:r>
              <a:rPr lang="tr-TR" sz="2800" dirty="0"/>
              <a:t>irtibat kurmaktır.</a:t>
            </a:r>
          </a:p>
        </p:txBody>
      </p:sp>
      <p:sp>
        <p:nvSpPr>
          <p:cNvPr id="64" name="Dikdörtgen 63"/>
          <p:cNvSpPr/>
          <p:nvPr/>
        </p:nvSpPr>
        <p:spPr>
          <a:xfrm>
            <a:off x="6345836" y="3057805"/>
            <a:ext cx="6096000" cy="954107"/>
          </a:xfrm>
          <a:prstGeom prst="rect">
            <a:avLst/>
          </a:prstGeom>
        </p:spPr>
        <p:txBody>
          <a:bodyPr>
            <a:spAutoFit/>
          </a:bodyPr>
          <a:lstStyle/>
          <a:p>
            <a:r>
              <a:rPr lang="tr-TR" sz="2800" dirty="0"/>
              <a:t>Kur’an okumak Rabbimizin</a:t>
            </a:r>
          </a:p>
          <a:p>
            <a:r>
              <a:rPr lang="tr-TR" sz="2800" dirty="0"/>
              <a:t>mesajlarını anlamaya çalışmaktır.</a:t>
            </a:r>
          </a:p>
        </p:txBody>
      </p:sp>
      <p:sp>
        <p:nvSpPr>
          <p:cNvPr id="65" name="Dikdörtgen 64"/>
          <p:cNvSpPr/>
          <p:nvPr/>
        </p:nvSpPr>
        <p:spPr>
          <a:xfrm>
            <a:off x="6345836" y="4396002"/>
            <a:ext cx="6096000" cy="954107"/>
          </a:xfrm>
          <a:prstGeom prst="rect">
            <a:avLst/>
          </a:prstGeom>
        </p:spPr>
        <p:txBody>
          <a:bodyPr wrap="square">
            <a:spAutoFit/>
          </a:bodyPr>
          <a:lstStyle/>
          <a:p>
            <a:r>
              <a:rPr lang="tr-TR" sz="2800" dirty="0"/>
              <a:t>Kur’an okumak Rabbimizin</a:t>
            </a:r>
          </a:p>
          <a:p>
            <a:r>
              <a:rPr lang="tr-TR" sz="2800" dirty="0"/>
              <a:t>İstediğini anlayıp hayata geçirmektir.</a:t>
            </a:r>
          </a:p>
        </p:txBody>
      </p:sp>
      <p:pic>
        <p:nvPicPr>
          <p:cNvPr id="66" name="Resim 65"/>
          <p:cNvPicPr>
            <a:picLocks noChangeAspect="1"/>
          </p:cNvPicPr>
          <p:nvPr/>
        </p:nvPicPr>
        <p:blipFill>
          <a:blip r:embed="rId4"/>
          <a:stretch>
            <a:fillRect/>
          </a:stretch>
        </p:blipFill>
        <p:spPr>
          <a:xfrm>
            <a:off x="153608" y="556143"/>
            <a:ext cx="3318838" cy="2215028"/>
          </a:xfrm>
          <a:prstGeom prst="rect">
            <a:avLst/>
          </a:prstGeom>
        </p:spPr>
      </p:pic>
      <p:pic>
        <p:nvPicPr>
          <p:cNvPr id="67" name="Resim 66"/>
          <p:cNvPicPr>
            <a:picLocks noChangeAspect="1"/>
          </p:cNvPicPr>
          <p:nvPr/>
        </p:nvPicPr>
        <p:blipFill>
          <a:blip r:embed="rId5"/>
          <a:stretch>
            <a:fillRect/>
          </a:stretch>
        </p:blipFill>
        <p:spPr>
          <a:xfrm>
            <a:off x="230717" y="3202320"/>
            <a:ext cx="2974008" cy="2974008"/>
          </a:xfrm>
          <a:prstGeom prst="rect">
            <a:avLst/>
          </a:prstGeom>
        </p:spPr>
      </p:pic>
    </p:spTree>
    <p:custDataLst>
      <p:tags r:id="rId1"/>
    </p:custDataLst>
    <p:extLst>
      <p:ext uri="{BB962C8B-B14F-4D97-AF65-F5344CB8AC3E}">
        <p14:creationId xmlns:p14="http://schemas.microsoft.com/office/powerpoint/2010/main" val="22005440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57"/>
                                        </p:tgtEl>
                                        <p:attrNameLst>
                                          <p:attrName>style.visibility</p:attrName>
                                        </p:attrNameLst>
                                      </p:cBhvr>
                                      <p:to>
                                        <p:strVal val="visible"/>
                                      </p:to>
                                    </p:set>
                                    <p:animEffect transition="in" filter="wipe(down)">
                                      <p:cBhvr>
                                        <p:cTn id="7" dur="500"/>
                                        <p:tgtEl>
                                          <p:spTgt spid="57"/>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32"/>
                                        </p:tgtEl>
                                        <p:attrNameLst>
                                          <p:attrName>style.visibility</p:attrName>
                                        </p:attrNameLst>
                                      </p:cBhvr>
                                      <p:to>
                                        <p:strVal val="visible"/>
                                      </p:to>
                                    </p:set>
                                    <p:animEffect transition="in" filter="wipe(down)">
                                      <p:cBhvr>
                                        <p:cTn id="10" dur="500"/>
                                        <p:tgtEl>
                                          <p:spTgt spid="32"/>
                                        </p:tgtEl>
                                      </p:cBhvr>
                                    </p:animEffect>
                                  </p:childTnLst>
                                </p:cTn>
                              </p:par>
                              <p:par>
                                <p:cTn id="11" presetID="22" presetClass="entr" presetSubtype="4" fill="hold" grpId="0" nodeType="withEffect">
                                  <p:stCondLst>
                                    <p:cond delay="0"/>
                                  </p:stCondLst>
                                  <p:childTnLst>
                                    <p:set>
                                      <p:cBhvr>
                                        <p:cTn id="12" dur="1" fill="hold">
                                          <p:stCondLst>
                                            <p:cond delay="0"/>
                                          </p:stCondLst>
                                        </p:cTn>
                                        <p:tgtEl>
                                          <p:spTgt spid="62"/>
                                        </p:tgtEl>
                                        <p:attrNameLst>
                                          <p:attrName>style.visibility</p:attrName>
                                        </p:attrNameLst>
                                      </p:cBhvr>
                                      <p:to>
                                        <p:strVal val="visible"/>
                                      </p:to>
                                    </p:set>
                                    <p:animEffect transition="in" filter="wipe(down)">
                                      <p:cBhvr>
                                        <p:cTn id="13" dur="500"/>
                                        <p:tgtEl>
                                          <p:spTgt spid="62"/>
                                        </p:tgtEl>
                                      </p:cBhvr>
                                    </p:animEffect>
                                  </p:childTnLst>
                                </p:cTn>
                              </p:par>
                              <p:par>
                                <p:cTn id="14" presetID="22" presetClass="entr" presetSubtype="4" fill="hold" nodeType="withEffect">
                                  <p:stCondLst>
                                    <p:cond delay="0"/>
                                  </p:stCondLst>
                                  <p:childTnLst>
                                    <p:set>
                                      <p:cBhvr>
                                        <p:cTn id="15" dur="1" fill="hold">
                                          <p:stCondLst>
                                            <p:cond delay="0"/>
                                          </p:stCondLst>
                                        </p:cTn>
                                        <p:tgtEl>
                                          <p:spTgt spid="67"/>
                                        </p:tgtEl>
                                        <p:attrNameLst>
                                          <p:attrName>style.visibility</p:attrName>
                                        </p:attrNameLst>
                                      </p:cBhvr>
                                      <p:to>
                                        <p:strVal val="visible"/>
                                      </p:to>
                                    </p:set>
                                    <p:animEffect transition="in" filter="wipe(down)">
                                      <p:cBhvr>
                                        <p:cTn id="16" dur="500"/>
                                        <p:tgtEl>
                                          <p:spTgt spid="67"/>
                                        </p:tgtEl>
                                      </p:cBhvr>
                                    </p:animEffect>
                                  </p:childTnLst>
                                </p:cTn>
                              </p:par>
                              <p:par>
                                <p:cTn id="17" presetID="22" presetClass="entr" presetSubtype="4" fill="hold" nodeType="withEffect">
                                  <p:stCondLst>
                                    <p:cond delay="0"/>
                                  </p:stCondLst>
                                  <p:childTnLst>
                                    <p:set>
                                      <p:cBhvr>
                                        <p:cTn id="18" dur="1" fill="hold">
                                          <p:stCondLst>
                                            <p:cond delay="0"/>
                                          </p:stCondLst>
                                        </p:cTn>
                                        <p:tgtEl>
                                          <p:spTgt spid="66"/>
                                        </p:tgtEl>
                                        <p:attrNameLst>
                                          <p:attrName>style.visibility</p:attrName>
                                        </p:attrNameLst>
                                      </p:cBhvr>
                                      <p:to>
                                        <p:strVal val="visible"/>
                                      </p:to>
                                    </p:set>
                                    <p:animEffect transition="in" filter="wipe(down)">
                                      <p:cBhvr>
                                        <p:cTn id="19" dur="500"/>
                                        <p:tgtEl>
                                          <p:spTgt spid="66"/>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4" fill="hold" nodeType="clickEffect">
                                  <p:stCondLst>
                                    <p:cond delay="0"/>
                                  </p:stCondLst>
                                  <p:childTnLst>
                                    <p:set>
                                      <p:cBhvr>
                                        <p:cTn id="23" dur="1" fill="hold">
                                          <p:stCondLst>
                                            <p:cond delay="0"/>
                                          </p:stCondLst>
                                        </p:cTn>
                                        <p:tgtEl>
                                          <p:spTgt spid="33"/>
                                        </p:tgtEl>
                                        <p:attrNameLst>
                                          <p:attrName>style.visibility</p:attrName>
                                        </p:attrNameLst>
                                      </p:cBhvr>
                                      <p:to>
                                        <p:strVal val="visible"/>
                                      </p:to>
                                    </p:set>
                                    <p:animEffect transition="in" filter="wipe(down)">
                                      <p:cBhvr>
                                        <p:cTn id="24" dur="500"/>
                                        <p:tgtEl>
                                          <p:spTgt spid="33"/>
                                        </p:tgtEl>
                                      </p:cBhvr>
                                    </p:animEffect>
                                  </p:childTnLst>
                                </p:cTn>
                              </p:par>
                            </p:childTnLst>
                          </p:cTn>
                        </p:par>
                        <p:par>
                          <p:cTn id="25" fill="hold">
                            <p:stCondLst>
                              <p:cond delay="500"/>
                            </p:stCondLst>
                            <p:childTnLst>
                              <p:par>
                                <p:cTn id="26" presetID="22" presetClass="entr" presetSubtype="8" fill="hold" grpId="0" nodeType="afterEffect">
                                  <p:stCondLst>
                                    <p:cond delay="0"/>
                                  </p:stCondLst>
                                  <p:childTnLst>
                                    <p:set>
                                      <p:cBhvr>
                                        <p:cTn id="27" dur="1" fill="hold">
                                          <p:stCondLst>
                                            <p:cond delay="0"/>
                                          </p:stCondLst>
                                        </p:cTn>
                                        <p:tgtEl>
                                          <p:spTgt spid="63"/>
                                        </p:tgtEl>
                                        <p:attrNameLst>
                                          <p:attrName>style.visibility</p:attrName>
                                        </p:attrNameLst>
                                      </p:cBhvr>
                                      <p:to>
                                        <p:strVal val="visible"/>
                                      </p:to>
                                    </p:set>
                                    <p:animEffect transition="in" filter="wipe(left)">
                                      <p:cBhvr>
                                        <p:cTn id="28" dur="500"/>
                                        <p:tgtEl>
                                          <p:spTgt spid="63"/>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8" fill="hold" nodeType="clickEffect">
                                  <p:stCondLst>
                                    <p:cond delay="0"/>
                                  </p:stCondLst>
                                  <p:childTnLst>
                                    <p:set>
                                      <p:cBhvr>
                                        <p:cTn id="32" dur="1" fill="hold">
                                          <p:stCondLst>
                                            <p:cond delay="0"/>
                                          </p:stCondLst>
                                        </p:cTn>
                                        <p:tgtEl>
                                          <p:spTgt spid="39"/>
                                        </p:tgtEl>
                                        <p:attrNameLst>
                                          <p:attrName>style.visibility</p:attrName>
                                        </p:attrNameLst>
                                      </p:cBhvr>
                                      <p:to>
                                        <p:strVal val="visible"/>
                                      </p:to>
                                    </p:set>
                                    <p:animEffect transition="in" filter="wipe(left)">
                                      <p:cBhvr>
                                        <p:cTn id="33" dur="500"/>
                                        <p:tgtEl>
                                          <p:spTgt spid="39"/>
                                        </p:tgtEl>
                                      </p:cBhvr>
                                    </p:animEffect>
                                  </p:childTnLst>
                                </p:cTn>
                              </p:par>
                            </p:childTnLst>
                          </p:cTn>
                        </p:par>
                        <p:par>
                          <p:cTn id="34" fill="hold">
                            <p:stCondLst>
                              <p:cond delay="500"/>
                            </p:stCondLst>
                            <p:childTnLst>
                              <p:par>
                                <p:cTn id="35" presetID="22" presetClass="entr" presetSubtype="8" fill="hold" grpId="0" nodeType="afterEffect">
                                  <p:stCondLst>
                                    <p:cond delay="0"/>
                                  </p:stCondLst>
                                  <p:childTnLst>
                                    <p:set>
                                      <p:cBhvr>
                                        <p:cTn id="36" dur="1" fill="hold">
                                          <p:stCondLst>
                                            <p:cond delay="0"/>
                                          </p:stCondLst>
                                        </p:cTn>
                                        <p:tgtEl>
                                          <p:spTgt spid="64"/>
                                        </p:tgtEl>
                                        <p:attrNameLst>
                                          <p:attrName>style.visibility</p:attrName>
                                        </p:attrNameLst>
                                      </p:cBhvr>
                                      <p:to>
                                        <p:strVal val="visible"/>
                                      </p:to>
                                    </p:set>
                                    <p:animEffect transition="in" filter="wipe(left)">
                                      <p:cBhvr>
                                        <p:cTn id="37" dur="500"/>
                                        <p:tgtEl>
                                          <p:spTgt spid="64"/>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8" fill="hold" nodeType="clickEffect">
                                  <p:stCondLst>
                                    <p:cond delay="0"/>
                                  </p:stCondLst>
                                  <p:childTnLst>
                                    <p:set>
                                      <p:cBhvr>
                                        <p:cTn id="41" dur="1" fill="hold">
                                          <p:stCondLst>
                                            <p:cond delay="0"/>
                                          </p:stCondLst>
                                        </p:cTn>
                                        <p:tgtEl>
                                          <p:spTgt spid="36"/>
                                        </p:tgtEl>
                                        <p:attrNameLst>
                                          <p:attrName>style.visibility</p:attrName>
                                        </p:attrNameLst>
                                      </p:cBhvr>
                                      <p:to>
                                        <p:strVal val="visible"/>
                                      </p:to>
                                    </p:set>
                                    <p:animEffect transition="in" filter="wipe(left)">
                                      <p:cBhvr>
                                        <p:cTn id="42" dur="500"/>
                                        <p:tgtEl>
                                          <p:spTgt spid="36"/>
                                        </p:tgtEl>
                                      </p:cBhvr>
                                    </p:animEffect>
                                  </p:childTnLst>
                                </p:cTn>
                              </p:par>
                            </p:childTnLst>
                          </p:cTn>
                        </p:par>
                        <p:par>
                          <p:cTn id="43" fill="hold">
                            <p:stCondLst>
                              <p:cond delay="500"/>
                            </p:stCondLst>
                            <p:childTnLst>
                              <p:par>
                                <p:cTn id="44" presetID="22" presetClass="entr" presetSubtype="8" fill="hold" grpId="0" nodeType="afterEffect">
                                  <p:stCondLst>
                                    <p:cond delay="0"/>
                                  </p:stCondLst>
                                  <p:childTnLst>
                                    <p:set>
                                      <p:cBhvr>
                                        <p:cTn id="45" dur="1" fill="hold">
                                          <p:stCondLst>
                                            <p:cond delay="0"/>
                                          </p:stCondLst>
                                        </p:cTn>
                                        <p:tgtEl>
                                          <p:spTgt spid="65"/>
                                        </p:tgtEl>
                                        <p:attrNameLst>
                                          <p:attrName>style.visibility</p:attrName>
                                        </p:attrNameLst>
                                      </p:cBhvr>
                                      <p:to>
                                        <p:strVal val="visible"/>
                                      </p:to>
                                    </p:set>
                                    <p:animEffect transition="in" filter="wipe(left)">
                                      <p:cBhvr>
                                        <p:cTn id="46" dur="500"/>
                                        <p:tgtEl>
                                          <p:spTgt spid="6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2" grpId="0" animBg="1"/>
      <p:bldP spid="57" grpId="0" animBg="1"/>
      <p:bldP spid="62" grpId="0"/>
      <p:bldP spid="63" grpId="0"/>
      <p:bldP spid="64" grpId="0"/>
      <p:bldP spid="65" grpId="0"/>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Graphic 14">
            <a:extLst>
              <a:ext uri="{FF2B5EF4-FFF2-40B4-BE49-F238E27FC236}">
                <a16:creationId xmlns:a16="http://schemas.microsoft.com/office/drawing/2014/main" id="{58A2ECBB-7EAA-492E-B9F9-56FD8EBEC86C}"/>
              </a:ext>
            </a:extLst>
          </p:cNvPr>
          <p:cNvGrpSpPr/>
          <p:nvPr/>
        </p:nvGrpSpPr>
        <p:grpSpPr>
          <a:xfrm>
            <a:off x="212688" y="1732184"/>
            <a:ext cx="4578499" cy="3601067"/>
            <a:chOff x="2444748" y="555045"/>
            <a:chExt cx="7282048" cy="5727454"/>
          </a:xfrm>
        </p:grpSpPr>
        <p:sp>
          <p:nvSpPr>
            <p:cNvPr id="5" name="Freeform: Shape 1990">
              <a:extLst>
                <a:ext uri="{FF2B5EF4-FFF2-40B4-BE49-F238E27FC236}">
                  <a16:creationId xmlns:a16="http://schemas.microsoft.com/office/drawing/2014/main" id="{D323E817-B74C-4481-9A6E-54C407381E29}"/>
                </a:ext>
              </a:extLst>
            </p:cNvPr>
            <p:cNvSpPr/>
            <p:nvPr/>
          </p:nvSpPr>
          <p:spPr>
            <a:xfrm>
              <a:off x="4964693" y="5443837"/>
              <a:ext cx="2168250" cy="818208"/>
            </a:xfrm>
            <a:custGeom>
              <a:avLst/>
              <a:gdLst>
                <a:gd name="connsiteX0" fmla="*/ 1941333 w 2168250"/>
                <a:gd name="connsiteY0" fmla="*/ 525699 h 818207"/>
                <a:gd name="connsiteX1" fmla="*/ 1785874 w 2168250"/>
                <a:gd name="connsiteY1" fmla="*/ 30683 h 818207"/>
                <a:gd name="connsiteX2" fmla="*/ 1114943 w 2168250"/>
                <a:gd name="connsiteY2" fmla="*/ 30683 h 818207"/>
                <a:gd name="connsiteX3" fmla="*/ 1065851 w 2168250"/>
                <a:gd name="connsiteY3" fmla="*/ 30683 h 818207"/>
                <a:gd name="connsiteX4" fmla="*/ 390830 w 2168250"/>
                <a:gd name="connsiteY4" fmla="*/ 30683 h 818207"/>
                <a:gd name="connsiteX5" fmla="*/ 235370 w 2168250"/>
                <a:gd name="connsiteY5" fmla="*/ 525699 h 818207"/>
                <a:gd name="connsiteX6" fmla="*/ 259916 w 2168250"/>
                <a:gd name="connsiteY6" fmla="*/ 816162 h 818207"/>
                <a:gd name="connsiteX7" fmla="*/ 1065851 w 2168250"/>
                <a:gd name="connsiteY7" fmla="*/ 816162 h 818207"/>
                <a:gd name="connsiteX8" fmla="*/ 1114943 w 2168250"/>
                <a:gd name="connsiteY8" fmla="*/ 816162 h 818207"/>
                <a:gd name="connsiteX9" fmla="*/ 1920878 w 2168250"/>
                <a:gd name="connsiteY9" fmla="*/ 816162 h 818207"/>
                <a:gd name="connsiteX10" fmla="*/ 1941333 w 2168250"/>
                <a:gd name="connsiteY10" fmla="*/ 525699 h 81820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168250" h="818207">
                  <a:moveTo>
                    <a:pt x="1941333" y="525699"/>
                  </a:moveTo>
                  <a:cubicBezTo>
                    <a:pt x="1789965" y="370239"/>
                    <a:pt x="1785874" y="30683"/>
                    <a:pt x="1785874" y="30683"/>
                  </a:cubicBezTo>
                  <a:lnTo>
                    <a:pt x="1114943" y="30683"/>
                  </a:lnTo>
                  <a:lnTo>
                    <a:pt x="1065851" y="30683"/>
                  </a:lnTo>
                  <a:lnTo>
                    <a:pt x="390830" y="30683"/>
                  </a:lnTo>
                  <a:cubicBezTo>
                    <a:pt x="390830" y="30683"/>
                    <a:pt x="386739" y="366148"/>
                    <a:pt x="235370" y="525699"/>
                  </a:cubicBezTo>
                  <a:cubicBezTo>
                    <a:pt x="84002" y="681158"/>
                    <a:pt x="-149188" y="816162"/>
                    <a:pt x="259916" y="816162"/>
                  </a:cubicBezTo>
                  <a:cubicBezTo>
                    <a:pt x="587199" y="816162"/>
                    <a:pt x="939029" y="816162"/>
                    <a:pt x="1065851" y="816162"/>
                  </a:cubicBezTo>
                  <a:cubicBezTo>
                    <a:pt x="1098579" y="816162"/>
                    <a:pt x="1114943" y="816162"/>
                    <a:pt x="1114943" y="816162"/>
                  </a:cubicBezTo>
                  <a:cubicBezTo>
                    <a:pt x="1245857" y="816162"/>
                    <a:pt x="1597686" y="816162"/>
                    <a:pt x="1920878" y="816162"/>
                  </a:cubicBezTo>
                  <a:cubicBezTo>
                    <a:pt x="2329982" y="816162"/>
                    <a:pt x="2092702" y="681158"/>
                    <a:pt x="1941333" y="525699"/>
                  </a:cubicBezTo>
                  <a:close/>
                </a:path>
              </a:pathLst>
            </a:custGeom>
            <a:gradFill>
              <a:gsLst>
                <a:gs pos="0">
                  <a:sysClr val="window" lastClr="FFFFFF">
                    <a:lumMod val="75000"/>
                  </a:sysClr>
                </a:gs>
                <a:gs pos="53000">
                  <a:sysClr val="window" lastClr="FFFFFF">
                    <a:lumMod val="85000"/>
                  </a:sysClr>
                </a:gs>
                <a:gs pos="83000">
                  <a:sysClr val="window" lastClr="FFFFFF">
                    <a:lumMod val="75000"/>
                  </a:sysClr>
                </a:gs>
                <a:gs pos="100000">
                  <a:sysClr val="window" lastClr="FFFFFF">
                    <a:lumMod val="75000"/>
                  </a:sysClr>
                </a:gs>
              </a:gsLst>
              <a:lin ang="16200000" scaled="0"/>
            </a:gra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srgbClr val="000000"/>
                </a:solidFill>
                <a:effectLst/>
                <a:uLnTx/>
                <a:uFillTx/>
              </a:endParaRPr>
            </a:p>
          </p:txBody>
        </p:sp>
        <p:sp>
          <p:nvSpPr>
            <p:cNvPr id="6" name="Freeform: Shape 1991">
              <a:extLst>
                <a:ext uri="{FF2B5EF4-FFF2-40B4-BE49-F238E27FC236}">
                  <a16:creationId xmlns:a16="http://schemas.microsoft.com/office/drawing/2014/main" id="{7877B25E-8B0C-46B3-8B00-DB1173DCE170}"/>
                </a:ext>
              </a:extLst>
            </p:cNvPr>
            <p:cNvSpPr/>
            <p:nvPr/>
          </p:nvSpPr>
          <p:spPr>
            <a:xfrm>
              <a:off x="2444748" y="555045"/>
              <a:ext cx="7282048" cy="4950157"/>
            </a:xfrm>
            <a:custGeom>
              <a:avLst/>
              <a:gdLst>
                <a:gd name="connsiteX0" fmla="*/ 7038632 w 7282048"/>
                <a:gd name="connsiteY0" fmla="*/ 30683 h 4950157"/>
                <a:gd name="connsiteX1" fmla="*/ 3704436 w 7282048"/>
                <a:gd name="connsiteY1" fmla="*/ 30683 h 4950157"/>
                <a:gd name="connsiteX2" fmla="*/ 3589886 w 7282048"/>
                <a:gd name="connsiteY2" fmla="*/ 30683 h 4950157"/>
                <a:gd name="connsiteX3" fmla="*/ 259781 w 7282048"/>
                <a:gd name="connsiteY3" fmla="*/ 30683 h 4950157"/>
                <a:gd name="connsiteX4" fmla="*/ 30683 w 7282048"/>
                <a:gd name="connsiteY4" fmla="*/ 259781 h 4950157"/>
                <a:gd name="connsiteX5" fmla="*/ 30683 w 7282048"/>
                <a:gd name="connsiteY5" fmla="*/ 4698558 h 4950157"/>
                <a:gd name="connsiteX6" fmla="*/ 239326 w 7282048"/>
                <a:gd name="connsiteY6" fmla="*/ 4931748 h 4950157"/>
                <a:gd name="connsiteX7" fmla="*/ 7042723 w 7282048"/>
                <a:gd name="connsiteY7" fmla="*/ 4931748 h 4950157"/>
                <a:gd name="connsiteX8" fmla="*/ 7251366 w 7282048"/>
                <a:gd name="connsiteY8" fmla="*/ 4698558 h 4950157"/>
                <a:gd name="connsiteX9" fmla="*/ 7251366 w 7282048"/>
                <a:gd name="connsiteY9" fmla="*/ 259781 h 4950157"/>
                <a:gd name="connsiteX10" fmla="*/ 7038632 w 7282048"/>
                <a:gd name="connsiteY10" fmla="*/ 30683 h 49501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7282048" h="4950157">
                  <a:moveTo>
                    <a:pt x="7038632" y="30683"/>
                  </a:moveTo>
                  <a:lnTo>
                    <a:pt x="3704436" y="30683"/>
                  </a:lnTo>
                  <a:lnTo>
                    <a:pt x="3589886" y="30683"/>
                  </a:lnTo>
                  <a:lnTo>
                    <a:pt x="259781" y="30683"/>
                  </a:lnTo>
                  <a:cubicBezTo>
                    <a:pt x="141141" y="30683"/>
                    <a:pt x="30683" y="128868"/>
                    <a:pt x="30683" y="259781"/>
                  </a:cubicBezTo>
                  <a:lnTo>
                    <a:pt x="30683" y="4698558"/>
                  </a:lnTo>
                  <a:cubicBezTo>
                    <a:pt x="30683" y="4829472"/>
                    <a:pt x="124777" y="4931748"/>
                    <a:pt x="239326" y="4931748"/>
                  </a:cubicBezTo>
                  <a:lnTo>
                    <a:pt x="7042723" y="4931748"/>
                  </a:lnTo>
                  <a:cubicBezTo>
                    <a:pt x="7157272" y="4931748"/>
                    <a:pt x="7251366" y="4825380"/>
                    <a:pt x="7251366" y="4698558"/>
                  </a:cubicBezTo>
                  <a:lnTo>
                    <a:pt x="7251366" y="259781"/>
                  </a:lnTo>
                  <a:cubicBezTo>
                    <a:pt x="7251366" y="128868"/>
                    <a:pt x="7157272" y="30683"/>
                    <a:pt x="7038632" y="30683"/>
                  </a:cubicBezTo>
                  <a:close/>
                </a:path>
              </a:pathLst>
            </a:custGeom>
            <a:solidFill>
              <a:srgbClr val="999999"/>
            </a:soli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srgbClr val="000000"/>
                </a:solidFill>
                <a:effectLst/>
                <a:uLnTx/>
                <a:uFillTx/>
              </a:endParaRPr>
            </a:p>
          </p:txBody>
        </p:sp>
        <p:sp>
          <p:nvSpPr>
            <p:cNvPr id="7" name="Freeform: Shape 1992">
              <a:extLst>
                <a:ext uri="{FF2B5EF4-FFF2-40B4-BE49-F238E27FC236}">
                  <a16:creationId xmlns:a16="http://schemas.microsoft.com/office/drawing/2014/main" id="{5F4635F7-323C-4D7A-AF08-5C093AD40848}"/>
                </a:ext>
              </a:extLst>
            </p:cNvPr>
            <p:cNvSpPr/>
            <p:nvPr/>
          </p:nvSpPr>
          <p:spPr>
            <a:xfrm>
              <a:off x="8706599" y="5435655"/>
              <a:ext cx="490925" cy="81821"/>
            </a:xfrm>
            <a:custGeom>
              <a:avLst/>
              <a:gdLst>
                <a:gd name="connsiteX0" fmla="*/ 32212 w 490924"/>
                <a:gd name="connsiteY0" fmla="*/ 30683 h 81820"/>
                <a:gd name="connsiteX1" fmla="*/ 64939 w 490924"/>
                <a:gd name="connsiteY1" fmla="*/ 71593 h 81820"/>
                <a:gd name="connsiteX2" fmla="*/ 461771 w 490924"/>
                <a:gd name="connsiteY2" fmla="*/ 71593 h 81820"/>
                <a:gd name="connsiteX3" fmla="*/ 498590 w 490924"/>
                <a:gd name="connsiteY3" fmla="*/ 30683 h 81820"/>
                <a:gd name="connsiteX4" fmla="*/ 32212 w 490924"/>
                <a:gd name="connsiteY4" fmla="*/ 30683 h 8182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90924" h="81820">
                  <a:moveTo>
                    <a:pt x="32212" y="30683"/>
                  </a:moveTo>
                  <a:cubicBezTo>
                    <a:pt x="32212" y="30683"/>
                    <a:pt x="19938" y="67502"/>
                    <a:pt x="64939" y="71593"/>
                  </a:cubicBezTo>
                  <a:lnTo>
                    <a:pt x="461771" y="71593"/>
                  </a:lnTo>
                  <a:cubicBezTo>
                    <a:pt x="461771" y="71593"/>
                    <a:pt x="502681" y="75684"/>
                    <a:pt x="498590" y="30683"/>
                  </a:cubicBezTo>
                  <a:lnTo>
                    <a:pt x="32212" y="30683"/>
                  </a:lnTo>
                  <a:close/>
                </a:path>
              </a:pathLst>
            </a:custGeom>
            <a:solidFill>
              <a:srgbClr val="999999"/>
            </a:soli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srgbClr val="000000"/>
                </a:solidFill>
                <a:effectLst/>
                <a:uLnTx/>
                <a:uFillTx/>
              </a:endParaRPr>
            </a:p>
          </p:txBody>
        </p:sp>
        <p:sp>
          <p:nvSpPr>
            <p:cNvPr id="8" name="Freeform: Shape 1993">
              <a:extLst>
                <a:ext uri="{FF2B5EF4-FFF2-40B4-BE49-F238E27FC236}">
                  <a16:creationId xmlns:a16="http://schemas.microsoft.com/office/drawing/2014/main" id="{ABD81EDD-851A-41D9-8E2F-7DA39AC7F88D}"/>
                </a:ext>
              </a:extLst>
            </p:cNvPr>
            <p:cNvSpPr/>
            <p:nvPr/>
          </p:nvSpPr>
          <p:spPr>
            <a:xfrm>
              <a:off x="2481568" y="595956"/>
              <a:ext cx="7200228" cy="4336501"/>
            </a:xfrm>
            <a:custGeom>
              <a:avLst/>
              <a:gdLst>
                <a:gd name="connsiteX0" fmla="*/ 6973175 w 7200227"/>
                <a:gd name="connsiteY0" fmla="*/ 30683 h 4336501"/>
                <a:gd name="connsiteX1" fmla="*/ 3671707 w 7200227"/>
                <a:gd name="connsiteY1" fmla="*/ 30683 h 4336501"/>
                <a:gd name="connsiteX2" fmla="*/ 3561249 w 7200227"/>
                <a:gd name="connsiteY2" fmla="*/ 30683 h 4336501"/>
                <a:gd name="connsiteX3" fmla="*/ 259781 w 7200227"/>
                <a:gd name="connsiteY3" fmla="*/ 30683 h 4336501"/>
                <a:gd name="connsiteX4" fmla="*/ 30683 w 7200227"/>
                <a:gd name="connsiteY4" fmla="*/ 231144 h 4336501"/>
                <a:gd name="connsiteX5" fmla="*/ 30683 w 7200227"/>
                <a:gd name="connsiteY5" fmla="*/ 4330365 h 4336501"/>
                <a:gd name="connsiteX6" fmla="*/ 7185909 w 7200227"/>
                <a:gd name="connsiteY6" fmla="*/ 4330365 h 4336501"/>
                <a:gd name="connsiteX7" fmla="*/ 7185909 w 7200227"/>
                <a:gd name="connsiteY7" fmla="*/ 231144 h 4336501"/>
                <a:gd name="connsiteX8" fmla="*/ 6973175 w 7200227"/>
                <a:gd name="connsiteY8" fmla="*/ 30683 h 43365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200227" h="4336501">
                  <a:moveTo>
                    <a:pt x="6973175" y="30683"/>
                  </a:moveTo>
                  <a:lnTo>
                    <a:pt x="3671707" y="30683"/>
                  </a:lnTo>
                  <a:lnTo>
                    <a:pt x="3561249" y="30683"/>
                  </a:lnTo>
                  <a:lnTo>
                    <a:pt x="259781" y="30683"/>
                  </a:lnTo>
                  <a:cubicBezTo>
                    <a:pt x="141141" y="30683"/>
                    <a:pt x="30683" y="112504"/>
                    <a:pt x="30683" y="231144"/>
                  </a:cubicBezTo>
                  <a:lnTo>
                    <a:pt x="30683" y="4330365"/>
                  </a:lnTo>
                  <a:lnTo>
                    <a:pt x="7185909" y="4330365"/>
                  </a:lnTo>
                  <a:lnTo>
                    <a:pt x="7185909" y="231144"/>
                  </a:lnTo>
                  <a:cubicBezTo>
                    <a:pt x="7185909" y="112504"/>
                    <a:pt x="7091815" y="30683"/>
                    <a:pt x="6973175" y="30683"/>
                  </a:cubicBezTo>
                  <a:close/>
                </a:path>
              </a:pathLst>
            </a:custGeom>
            <a:solidFill>
              <a:srgbClr val="000000">
                <a:lumMod val="85000"/>
                <a:lumOff val="15000"/>
              </a:srgbClr>
            </a:soli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srgbClr val="000000"/>
                </a:solidFill>
                <a:effectLst/>
                <a:uLnTx/>
                <a:uFillTx/>
              </a:endParaRPr>
            </a:p>
          </p:txBody>
        </p:sp>
        <p:sp>
          <p:nvSpPr>
            <p:cNvPr id="9" name="Freeform: Shape 1994">
              <a:extLst>
                <a:ext uri="{FF2B5EF4-FFF2-40B4-BE49-F238E27FC236}">
                  <a16:creationId xmlns:a16="http://schemas.microsoft.com/office/drawing/2014/main" id="{4E07E41C-4888-4E81-A8A5-27F988D34521}"/>
                </a:ext>
              </a:extLst>
            </p:cNvPr>
            <p:cNvSpPr/>
            <p:nvPr/>
          </p:nvSpPr>
          <p:spPr>
            <a:xfrm>
              <a:off x="4968919" y="6159768"/>
              <a:ext cx="2168250" cy="122731"/>
            </a:xfrm>
            <a:custGeom>
              <a:avLst/>
              <a:gdLst>
                <a:gd name="connsiteX0" fmla="*/ 30683 w 2168250"/>
                <a:gd name="connsiteY0" fmla="*/ 34774 h 122731"/>
                <a:gd name="connsiteX1" fmla="*/ 30683 w 2168250"/>
                <a:gd name="connsiteY1" fmla="*/ 34774 h 122731"/>
                <a:gd name="connsiteX2" fmla="*/ 30683 w 2168250"/>
                <a:gd name="connsiteY2" fmla="*/ 38865 h 122731"/>
                <a:gd name="connsiteX3" fmla="*/ 30683 w 2168250"/>
                <a:gd name="connsiteY3" fmla="*/ 38865 h 122731"/>
                <a:gd name="connsiteX4" fmla="*/ 263872 w 2168250"/>
                <a:gd name="connsiteY4" fmla="*/ 96140 h 122731"/>
                <a:gd name="connsiteX5" fmla="*/ 1069807 w 2168250"/>
                <a:gd name="connsiteY5" fmla="*/ 96140 h 122731"/>
                <a:gd name="connsiteX6" fmla="*/ 1118899 w 2168250"/>
                <a:gd name="connsiteY6" fmla="*/ 96140 h 122731"/>
                <a:gd name="connsiteX7" fmla="*/ 1924834 w 2168250"/>
                <a:gd name="connsiteY7" fmla="*/ 96140 h 122731"/>
                <a:gd name="connsiteX8" fmla="*/ 2153932 w 2168250"/>
                <a:gd name="connsiteY8" fmla="*/ 30683 h 122731"/>
                <a:gd name="connsiteX9" fmla="*/ 2137568 w 2168250"/>
                <a:gd name="connsiteY9" fmla="*/ 30683 h 122731"/>
                <a:gd name="connsiteX10" fmla="*/ 2137568 w 2168250"/>
                <a:gd name="connsiteY10" fmla="*/ 30683 h 122731"/>
                <a:gd name="connsiteX11" fmla="*/ 30683 w 2168250"/>
                <a:gd name="connsiteY11" fmla="*/ 30683 h 12273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2168250" h="122731">
                  <a:moveTo>
                    <a:pt x="30683" y="34774"/>
                  </a:moveTo>
                  <a:lnTo>
                    <a:pt x="30683" y="34774"/>
                  </a:lnTo>
                  <a:cubicBezTo>
                    <a:pt x="30683" y="38865"/>
                    <a:pt x="30683" y="38865"/>
                    <a:pt x="30683" y="38865"/>
                  </a:cubicBezTo>
                  <a:lnTo>
                    <a:pt x="30683" y="38865"/>
                  </a:lnTo>
                  <a:cubicBezTo>
                    <a:pt x="30683" y="79775"/>
                    <a:pt x="96139" y="96140"/>
                    <a:pt x="263872" y="96140"/>
                  </a:cubicBezTo>
                  <a:cubicBezTo>
                    <a:pt x="591155" y="96140"/>
                    <a:pt x="942984" y="96140"/>
                    <a:pt x="1069807" y="96140"/>
                  </a:cubicBezTo>
                  <a:cubicBezTo>
                    <a:pt x="1102535" y="96140"/>
                    <a:pt x="1118899" y="96140"/>
                    <a:pt x="1118899" y="96140"/>
                  </a:cubicBezTo>
                  <a:cubicBezTo>
                    <a:pt x="1249812" y="96140"/>
                    <a:pt x="1601642" y="96140"/>
                    <a:pt x="1924834" y="96140"/>
                  </a:cubicBezTo>
                  <a:cubicBezTo>
                    <a:pt x="2092566" y="96140"/>
                    <a:pt x="2149841" y="75684"/>
                    <a:pt x="2153932" y="30683"/>
                  </a:cubicBezTo>
                  <a:lnTo>
                    <a:pt x="2137568" y="30683"/>
                  </a:lnTo>
                  <a:lnTo>
                    <a:pt x="2137568" y="30683"/>
                  </a:lnTo>
                  <a:lnTo>
                    <a:pt x="30683" y="30683"/>
                  </a:lnTo>
                  <a:close/>
                </a:path>
              </a:pathLst>
            </a:custGeom>
            <a:solidFill>
              <a:srgbClr val="000000">
                <a:lumMod val="50000"/>
                <a:lumOff val="50000"/>
              </a:srgbClr>
            </a:soli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srgbClr val="000000"/>
                </a:solidFill>
                <a:effectLst/>
                <a:uLnTx/>
                <a:uFillTx/>
              </a:endParaRPr>
            </a:p>
          </p:txBody>
        </p:sp>
        <p:sp>
          <p:nvSpPr>
            <p:cNvPr id="10" name="Freeform: Shape 1995">
              <a:extLst>
                <a:ext uri="{FF2B5EF4-FFF2-40B4-BE49-F238E27FC236}">
                  <a16:creationId xmlns:a16="http://schemas.microsoft.com/office/drawing/2014/main" id="{3716D02F-31C3-4011-81E3-13D76A3F3FAB}"/>
                </a:ext>
              </a:extLst>
            </p:cNvPr>
            <p:cNvSpPr/>
            <p:nvPr/>
          </p:nvSpPr>
          <p:spPr>
            <a:xfrm>
              <a:off x="2481568" y="4903820"/>
              <a:ext cx="7200228" cy="572745"/>
            </a:xfrm>
            <a:custGeom>
              <a:avLst/>
              <a:gdLst>
                <a:gd name="connsiteX0" fmla="*/ 30683 w 7200227"/>
                <a:gd name="connsiteY0" fmla="*/ 362057 h 572745"/>
                <a:gd name="connsiteX1" fmla="*/ 259781 w 7200227"/>
                <a:gd name="connsiteY1" fmla="*/ 562518 h 572745"/>
                <a:gd name="connsiteX2" fmla="*/ 3561249 w 7200227"/>
                <a:gd name="connsiteY2" fmla="*/ 562518 h 572745"/>
                <a:gd name="connsiteX3" fmla="*/ 3671707 w 7200227"/>
                <a:gd name="connsiteY3" fmla="*/ 562518 h 572745"/>
                <a:gd name="connsiteX4" fmla="*/ 6973175 w 7200227"/>
                <a:gd name="connsiteY4" fmla="*/ 562518 h 572745"/>
                <a:gd name="connsiteX5" fmla="*/ 7185909 w 7200227"/>
                <a:gd name="connsiteY5" fmla="*/ 362057 h 572745"/>
                <a:gd name="connsiteX6" fmla="*/ 7185909 w 7200227"/>
                <a:gd name="connsiteY6" fmla="*/ 30683 h 572745"/>
                <a:gd name="connsiteX7" fmla="*/ 30683 w 7200227"/>
                <a:gd name="connsiteY7" fmla="*/ 30683 h 572745"/>
                <a:gd name="connsiteX8" fmla="*/ 30683 w 7200227"/>
                <a:gd name="connsiteY8" fmla="*/ 362057 h 57274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200227" h="572745">
                  <a:moveTo>
                    <a:pt x="30683" y="362057"/>
                  </a:moveTo>
                  <a:cubicBezTo>
                    <a:pt x="30683" y="464333"/>
                    <a:pt x="141141" y="562518"/>
                    <a:pt x="259781" y="562518"/>
                  </a:cubicBezTo>
                  <a:lnTo>
                    <a:pt x="3561249" y="562518"/>
                  </a:lnTo>
                  <a:lnTo>
                    <a:pt x="3671707" y="562518"/>
                  </a:lnTo>
                  <a:lnTo>
                    <a:pt x="6973175" y="562518"/>
                  </a:lnTo>
                  <a:cubicBezTo>
                    <a:pt x="7091815" y="562518"/>
                    <a:pt x="7185909" y="464333"/>
                    <a:pt x="7185909" y="362057"/>
                  </a:cubicBezTo>
                  <a:lnTo>
                    <a:pt x="7185909" y="30683"/>
                  </a:lnTo>
                  <a:lnTo>
                    <a:pt x="30683" y="30683"/>
                  </a:lnTo>
                  <a:lnTo>
                    <a:pt x="30683" y="362057"/>
                  </a:lnTo>
                  <a:close/>
                </a:path>
              </a:pathLst>
            </a:custGeom>
            <a:solidFill>
              <a:sysClr val="window" lastClr="FFFFFF">
                <a:lumMod val="75000"/>
              </a:sysClr>
            </a:soli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srgbClr val="000000"/>
                </a:solidFill>
                <a:effectLst/>
                <a:uLnTx/>
                <a:uFillTx/>
              </a:endParaRPr>
            </a:p>
          </p:txBody>
        </p:sp>
        <p:sp>
          <p:nvSpPr>
            <p:cNvPr id="11" name="Freeform: Shape 1996">
              <a:extLst>
                <a:ext uri="{FF2B5EF4-FFF2-40B4-BE49-F238E27FC236}">
                  <a16:creationId xmlns:a16="http://schemas.microsoft.com/office/drawing/2014/main" id="{C203D7A4-9BFB-4F25-9032-0F9442EF5DA1}"/>
                </a:ext>
              </a:extLst>
            </p:cNvPr>
            <p:cNvSpPr/>
            <p:nvPr/>
          </p:nvSpPr>
          <p:spPr>
            <a:xfrm>
              <a:off x="2747714" y="910966"/>
              <a:ext cx="6676116" cy="3763756"/>
            </a:xfrm>
            <a:custGeom>
              <a:avLst/>
              <a:gdLst>
                <a:gd name="connsiteX0" fmla="*/ 30683 w 6586571"/>
                <a:gd name="connsiteY0" fmla="*/ 30683 h 3763755"/>
                <a:gd name="connsiteX1" fmla="*/ 6564071 w 6586571"/>
                <a:gd name="connsiteY1" fmla="*/ 30683 h 3763755"/>
                <a:gd name="connsiteX2" fmla="*/ 6564071 w 6586571"/>
                <a:gd name="connsiteY2" fmla="*/ 3753528 h 3763755"/>
                <a:gd name="connsiteX3" fmla="*/ 30683 w 6586571"/>
                <a:gd name="connsiteY3" fmla="*/ 3753528 h 3763755"/>
              </a:gdLst>
              <a:ahLst/>
              <a:cxnLst>
                <a:cxn ang="0">
                  <a:pos x="connsiteX0" y="connsiteY0"/>
                </a:cxn>
                <a:cxn ang="0">
                  <a:pos x="connsiteX1" y="connsiteY1"/>
                </a:cxn>
                <a:cxn ang="0">
                  <a:pos x="connsiteX2" y="connsiteY2"/>
                </a:cxn>
                <a:cxn ang="0">
                  <a:pos x="connsiteX3" y="connsiteY3"/>
                </a:cxn>
              </a:cxnLst>
              <a:rect l="l" t="t" r="r" b="b"/>
              <a:pathLst>
                <a:path w="6586571" h="3763755">
                  <a:moveTo>
                    <a:pt x="30683" y="30683"/>
                  </a:moveTo>
                  <a:lnTo>
                    <a:pt x="6564071" y="30683"/>
                  </a:lnTo>
                  <a:lnTo>
                    <a:pt x="6564071" y="3753528"/>
                  </a:lnTo>
                  <a:lnTo>
                    <a:pt x="30683" y="3753528"/>
                  </a:lnTo>
                  <a:close/>
                </a:path>
              </a:pathLst>
            </a:custGeom>
            <a:solidFill>
              <a:srgbClr val="F2F2F2"/>
            </a:soli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srgbClr val="000000"/>
                </a:solidFill>
                <a:effectLst/>
                <a:uLnTx/>
                <a:uFillTx/>
              </a:endParaRPr>
            </a:p>
          </p:txBody>
        </p:sp>
        <p:sp>
          <p:nvSpPr>
            <p:cNvPr id="12" name="Freeform: Shape 1997">
              <a:extLst>
                <a:ext uri="{FF2B5EF4-FFF2-40B4-BE49-F238E27FC236}">
                  <a16:creationId xmlns:a16="http://schemas.microsoft.com/office/drawing/2014/main" id="{3B571B84-50E6-4E1F-AD14-F06EBD76A608}"/>
                </a:ext>
              </a:extLst>
            </p:cNvPr>
            <p:cNvSpPr/>
            <p:nvPr/>
          </p:nvSpPr>
          <p:spPr>
            <a:xfrm>
              <a:off x="5654591" y="939518"/>
              <a:ext cx="3769239" cy="3736342"/>
            </a:xfrm>
            <a:custGeom>
              <a:avLst/>
              <a:gdLst>
                <a:gd name="connsiteX0" fmla="*/ 2567127 w 4009217"/>
                <a:gd name="connsiteY0" fmla="*/ 30683 h 4295590"/>
                <a:gd name="connsiteX1" fmla="*/ 3798529 w 4009217"/>
                <a:gd name="connsiteY1" fmla="*/ 30683 h 4295590"/>
                <a:gd name="connsiteX2" fmla="*/ 4007172 w 4009217"/>
                <a:gd name="connsiteY2" fmla="*/ 272054 h 4295590"/>
                <a:gd name="connsiteX3" fmla="*/ 3998990 w 4009217"/>
                <a:gd name="connsiteY3" fmla="*/ 4268999 h 4295590"/>
                <a:gd name="connsiteX4" fmla="*/ 30683 w 4009217"/>
                <a:gd name="connsiteY4" fmla="*/ 4268999 h 4295590"/>
                <a:gd name="connsiteX0" fmla="*/ 2536444 w 3976489"/>
                <a:gd name="connsiteY0" fmla="*/ 0 h 4238316"/>
                <a:gd name="connsiteX1" fmla="*/ 3976489 w 3976489"/>
                <a:gd name="connsiteY1" fmla="*/ 241371 h 4238316"/>
                <a:gd name="connsiteX2" fmla="*/ 3968307 w 3976489"/>
                <a:gd name="connsiteY2" fmla="*/ 4238316 h 4238316"/>
                <a:gd name="connsiteX3" fmla="*/ 0 w 3976489"/>
                <a:gd name="connsiteY3" fmla="*/ 4238316 h 4238316"/>
                <a:gd name="connsiteX0" fmla="*/ 2536444 w 3976489"/>
                <a:gd name="connsiteY0" fmla="*/ 0 h 4238316"/>
                <a:gd name="connsiteX1" fmla="*/ 3976489 w 3976489"/>
                <a:gd name="connsiteY1" fmla="*/ 213683 h 4238316"/>
                <a:gd name="connsiteX2" fmla="*/ 3968307 w 3976489"/>
                <a:gd name="connsiteY2" fmla="*/ 4238316 h 4238316"/>
                <a:gd name="connsiteX3" fmla="*/ 0 w 3976489"/>
                <a:gd name="connsiteY3" fmla="*/ 4238316 h 4238316"/>
                <a:gd name="connsiteX0" fmla="*/ 2473335 w 3976489"/>
                <a:gd name="connsiteY0" fmla="*/ 0 h 4035268"/>
                <a:gd name="connsiteX1" fmla="*/ 3976489 w 3976489"/>
                <a:gd name="connsiteY1" fmla="*/ 10635 h 4035268"/>
                <a:gd name="connsiteX2" fmla="*/ 3968307 w 3976489"/>
                <a:gd name="connsiteY2" fmla="*/ 4035268 h 4035268"/>
                <a:gd name="connsiteX3" fmla="*/ 0 w 3976489"/>
                <a:gd name="connsiteY3" fmla="*/ 4035268 h 4035268"/>
              </a:gdLst>
              <a:ahLst/>
              <a:cxnLst>
                <a:cxn ang="0">
                  <a:pos x="connsiteX0" y="connsiteY0"/>
                </a:cxn>
                <a:cxn ang="0">
                  <a:pos x="connsiteX1" y="connsiteY1"/>
                </a:cxn>
                <a:cxn ang="0">
                  <a:pos x="connsiteX2" y="connsiteY2"/>
                </a:cxn>
                <a:cxn ang="0">
                  <a:pos x="connsiteX3" y="connsiteY3"/>
                </a:cxn>
              </a:cxnLst>
              <a:rect l="l" t="t" r="r" b="b"/>
              <a:pathLst>
                <a:path w="3976489" h="4035268">
                  <a:moveTo>
                    <a:pt x="2473335" y="0"/>
                  </a:moveTo>
                  <a:lnTo>
                    <a:pt x="3976489" y="10635"/>
                  </a:lnTo>
                  <a:cubicBezTo>
                    <a:pt x="3973762" y="1342950"/>
                    <a:pt x="3971034" y="2702953"/>
                    <a:pt x="3968307" y="4035268"/>
                  </a:cubicBezTo>
                  <a:lnTo>
                    <a:pt x="0" y="4035268"/>
                  </a:lnTo>
                </a:path>
              </a:pathLst>
            </a:custGeom>
            <a:solidFill>
              <a:srgbClr val="999999">
                <a:alpha val="10000"/>
              </a:srgbClr>
            </a:soli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srgbClr val="000000"/>
                </a:solidFill>
                <a:effectLst/>
                <a:uLnTx/>
                <a:uFillTx/>
              </a:endParaRPr>
            </a:p>
          </p:txBody>
        </p:sp>
      </p:grpSp>
      <p:grpSp>
        <p:nvGrpSpPr>
          <p:cNvPr id="17" name="Group 2002">
            <a:extLst>
              <a:ext uri="{FF2B5EF4-FFF2-40B4-BE49-F238E27FC236}">
                <a16:creationId xmlns:a16="http://schemas.microsoft.com/office/drawing/2014/main" id="{2FAC286B-F1CC-4BFB-84F4-86B25A83CC86}"/>
              </a:ext>
            </a:extLst>
          </p:cNvPr>
          <p:cNvGrpSpPr/>
          <p:nvPr/>
        </p:nvGrpSpPr>
        <p:grpSpPr>
          <a:xfrm>
            <a:off x="2166544" y="1282405"/>
            <a:ext cx="3443563" cy="4670534"/>
            <a:chOff x="1943221" y="1390537"/>
            <a:chExt cx="3918465" cy="5314648"/>
          </a:xfrm>
        </p:grpSpPr>
        <p:grpSp>
          <p:nvGrpSpPr>
            <p:cNvPr id="18" name="Group 2003">
              <a:extLst>
                <a:ext uri="{FF2B5EF4-FFF2-40B4-BE49-F238E27FC236}">
                  <a16:creationId xmlns:a16="http://schemas.microsoft.com/office/drawing/2014/main" id="{EFD63088-287A-44D3-B028-143633E1E295}"/>
                </a:ext>
              </a:extLst>
            </p:cNvPr>
            <p:cNvGrpSpPr/>
            <p:nvPr/>
          </p:nvGrpSpPr>
          <p:grpSpPr>
            <a:xfrm>
              <a:off x="1943221" y="1592548"/>
              <a:ext cx="3162552" cy="3162551"/>
              <a:chOff x="1619672" y="1809122"/>
              <a:chExt cx="2691826" cy="2691825"/>
            </a:xfrm>
          </p:grpSpPr>
          <p:sp>
            <p:nvSpPr>
              <p:cNvPr id="20" name="Rounded Rectangle 43">
                <a:extLst>
                  <a:ext uri="{FF2B5EF4-FFF2-40B4-BE49-F238E27FC236}">
                    <a16:creationId xmlns:a16="http://schemas.microsoft.com/office/drawing/2014/main" id="{6F363A1D-423E-4508-9D09-0BD66F3CA8DF}"/>
                  </a:ext>
                </a:extLst>
              </p:cNvPr>
              <p:cNvSpPr/>
              <p:nvPr/>
            </p:nvSpPr>
            <p:spPr>
              <a:xfrm>
                <a:off x="1751631" y="3545861"/>
                <a:ext cx="2427908" cy="955086"/>
              </a:xfrm>
              <a:custGeom>
                <a:avLst/>
                <a:gdLst/>
                <a:ahLst/>
                <a:cxnLst/>
                <a:rect l="l" t="t" r="r" b="b"/>
                <a:pathLst>
                  <a:path w="2427908" h="767653">
                    <a:moveTo>
                      <a:pt x="0" y="0"/>
                    </a:moveTo>
                    <a:lnTo>
                      <a:pt x="2427908" y="0"/>
                    </a:lnTo>
                    <a:cubicBezTo>
                      <a:pt x="2212894" y="454249"/>
                      <a:pt x="1750033" y="767646"/>
                      <a:pt x="1213974" y="767653"/>
                    </a:cubicBezTo>
                    <a:lnTo>
                      <a:pt x="1213934" y="767653"/>
                    </a:lnTo>
                    <a:cubicBezTo>
                      <a:pt x="677875" y="767646"/>
                      <a:pt x="215014" y="454249"/>
                      <a:pt x="0" y="0"/>
                    </a:cubicBezTo>
                    <a:close/>
                  </a:path>
                </a:pathLst>
              </a:custGeom>
              <a:gradFill flip="none" rotWithShape="1">
                <a:gsLst>
                  <a:gs pos="0">
                    <a:srgbClr val="FBA200"/>
                  </a:gs>
                  <a:gs pos="100000">
                    <a:sysClr val="window" lastClr="FFFFFF"/>
                  </a:gs>
                </a:gsLst>
                <a:lin ang="8100000" scaled="1"/>
                <a:tileRect/>
              </a:gradFill>
              <a:ln>
                <a:gradFill flip="none" rotWithShape="1">
                  <a:gsLst>
                    <a:gs pos="0">
                      <a:sysClr val="window" lastClr="FFFFFF"/>
                    </a:gs>
                    <a:gs pos="100000">
                      <a:sysClr val="window" lastClr="FFFFFF">
                        <a:lumMod val="75000"/>
                      </a:sysClr>
                    </a:gs>
                  </a:gsLst>
                  <a:lin ang="8100000" scaled="1"/>
                  <a:tileRect/>
                </a:gradFill>
              </a:ln>
              <a:effectLst>
                <a:outerShdw blurRad="50800" dist="50800" dir="5400000" algn="ctr" rotWithShape="0">
                  <a:srgbClr val="000000">
                    <a:alpha val="0"/>
                  </a:srgbClr>
                </a:outerShdw>
              </a:effec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1" b="0" i="0" u="none" strike="noStrike" kern="0" cap="none" spc="0" normalizeH="0" baseline="0" noProof="0" dirty="0">
                  <a:ln>
                    <a:noFill/>
                  </a:ln>
                  <a:solidFill>
                    <a:srgbClr val="000000"/>
                  </a:solidFill>
                  <a:effectLst/>
                  <a:uLnTx/>
                  <a:uFillTx/>
                </a:endParaRPr>
              </a:p>
            </p:txBody>
          </p:sp>
          <p:sp>
            <p:nvSpPr>
              <p:cNvPr id="21" name="Rounded Rectangle 45">
                <a:extLst>
                  <a:ext uri="{FF2B5EF4-FFF2-40B4-BE49-F238E27FC236}">
                    <a16:creationId xmlns:a16="http://schemas.microsoft.com/office/drawing/2014/main" id="{251A2CD2-549A-4231-83E2-6E3CEFE3C30C}"/>
                  </a:ext>
                </a:extLst>
              </p:cNvPr>
              <p:cNvSpPr/>
              <p:nvPr/>
            </p:nvSpPr>
            <p:spPr>
              <a:xfrm>
                <a:off x="1619672" y="3079589"/>
                <a:ext cx="2691826" cy="599365"/>
              </a:xfrm>
              <a:custGeom>
                <a:avLst/>
                <a:gdLst/>
                <a:ahLst/>
                <a:cxnLst/>
                <a:rect l="l" t="t" r="r" b="b"/>
                <a:pathLst>
                  <a:path w="2691826" h="767653">
                    <a:moveTo>
                      <a:pt x="3810" y="0"/>
                    </a:moveTo>
                    <a:lnTo>
                      <a:pt x="2646755" y="0"/>
                    </a:lnTo>
                    <a:cubicBezTo>
                      <a:pt x="2662406" y="0"/>
                      <a:pt x="2677027" y="4410"/>
                      <a:pt x="2688687" y="13283"/>
                    </a:cubicBezTo>
                    <a:cubicBezTo>
                      <a:pt x="2691351" y="33834"/>
                      <a:pt x="2691826" y="54585"/>
                      <a:pt x="2691826" y="75446"/>
                    </a:cubicBezTo>
                    <a:cubicBezTo>
                      <a:pt x="2691826" y="328918"/>
                      <a:pt x="2621758" y="566026"/>
                      <a:pt x="2498602" y="767653"/>
                    </a:cubicBezTo>
                    <a:lnTo>
                      <a:pt x="193224" y="767653"/>
                    </a:lnTo>
                    <a:cubicBezTo>
                      <a:pt x="70068" y="566026"/>
                      <a:pt x="0" y="328918"/>
                      <a:pt x="0" y="75446"/>
                    </a:cubicBezTo>
                    <a:close/>
                  </a:path>
                </a:pathLst>
              </a:custGeom>
              <a:gradFill flip="none" rotWithShape="1">
                <a:gsLst>
                  <a:gs pos="0">
                    <a:srgbClr val="90C221"/>
                  </a:gs>
                  <a:gs pos="100000">
                    <a:sysClr val="window" lastClr="FFFFFF"/>
                  </a:gs>
                </a:gsLst>
                <a:lin ang="8100000" scaled="1"/>
                <a:tileRect/>
              </a:gradFill>
              <a:ln>
                <a:gradFill flip="none" rotWithShape="1">
                  <a:gsLst>
                    <a:gs pos="0">
                      <a:sysClr val="window" lastClr="FFFFFF"/>
                    </a:gs>
                    <a:gs pos="100000">
                      <a:sysClr val="window" lastClr="FFFFFF">
                        <a:lumMod val="75000"/>
                      </a:sysClr>
                    </a:gs>
                  </a:gsLst>
                  <a:lin ang="8100000" scaled="1"/>
                  <a:tileRect/>
                </a:gradFill>
              </a:ln>
              <a:effectLst>
                <a:outerShdw blurRad="50800" dist="50800" dir="5400000" algn="ctr" rotWithShape="0">
                  <a:srgbClr val="000000">
                    <a:alpha val="35000"/>
                  </a:srgbClr>
                </a:outerShdw>
              </a:effec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1" b="0" i="0" u="none" strike="noStrike" kern="0" cap="none" spc="0" normalizeH="0" baseline="0" noProof="0" dirty="0">
                  <a:ln>
                    <a:noFill/>
                  </a:ln>
                  <a:solidFill>
                    <a:srgbClr val="000000"/>
                  </a:solidFill>
                  <a:effectLst/>
                  <a:uLnTx/>
                  <a:uFillTx/>
                </a:endParaRPr>
              </a:p>
            </p:txBody>
          </p:sp>
          <p:sp>
            <p:nvSpPr>
              <p:cNvPr id="22" name="Rounded Rectangle 47">
                <a:extLst>
                  <a:ext uri="{FF2B5EF4-FFF2-40B4-BE49-F238E27FC236}">
                    <a16:creationId xmlns:a16="http://schemas.microsoft.com/office/drawing/2014/main" id="{D115CBC1-03B7-450A-AC24-E9D9D00C8C08}"/>
                  </a:ext>
                </a:extLst>
              </p:cNvPr>
              <p:cNvSpPr/>
              <p:nvPr/>
            </p:nvSpPr>
            <p:spPr>
              <a:xfrm>
                <a:off x="1619672" y="2425884"/>
                <a:ext cx="2691826" cy="767653"/>
              </a:xfrm>
              <a:custGeom>
                <a:avLst/>
                <a:gdLst/>
                <a:ahLst/>
                <a:cxnLst/>
                <a:rect l="l" t="t" r="r" b="b"/>
                <a:pathLst>
                  <a:path w="2691826" h="767653">
                    <a:moveTo>
                      <a:pt x="215668" y="0"/>
                    </a:moveTo>
                    <a:lnTo>
                      <a:pt x="2476158" y="0"/>
                    </a:lnTo>
                    <a:cubicBezTo>
                      <a:pt x="2612935" y="209662"/>
                      <a:pt x="2691826" y="460194"/>
                      <a:pt x="2691826" y="729151"/>
                    </a:cubicBezTo>
                    <a:lnTo>
                      <a:pt x="2690618" y="753068"/>
                    </a:lnTo>
                    <a:cubicBezTo>
                      <a:pt x="2678610" y="762751"/>
                      <a:pt x="2663255" y="767653"/>
                      <a:pt x="2646755" y="767653"/>
                    </a:cubicBezTo>
                    <a:lnTo>
                      <a:pt x="1944" y="767653"/>
                    </a:lnTo>
                    <a:cubicBezTo>
                      <a:pt x="181" y="754889"/>
                      <a:pt x="0" y="742041"/>
                      <a:pt x="0" y="729151"/>
                    </a:cubicBezTo>
                    <a:cubicBezTo>
                      <a:pt x="0" y="460194"/>
                      <a:pt x="78891" y="209662"/>
                      <a:pt x="215668" y="0"/>
                    </a:cubicBezTo>
                    <a:close/>
                  </a:path>
                </a:pathLst>
              </a:custGeom>
              <a:gradFill flip="none" rotWithShape="1">
                <a:gsLst>
                  <a:gs pos="0">
                    <a:srgbClr val="07A398"/>
                  </a:gs>
                  <a:gs pos="100000">
                    <a:sysClr val="window" lastClr="FFFFFF"/>
                  </a:gs>
                </a:gsLst>
                <a:lin ang="8100000" scaled="1"/>
                <a:tileRect/>
              </a:gradFill>
              <a:ln>
                <a:gradFill flip="none" rotWithShape="1">
                  <a:gsLst>
                    <a:gs pos="0">
                      <a:sysClr val="window" lastClr="FFFFFF"/>
                    </a:gs>
                    <a:gs pos="100000">
                      <a:sysClr val="window" lastClr="FFFFFF">
                        <a:lumMod val="75000"/>
                      </a:sysClr>
                    </a:gs>
                  </a:gsLst>
                  <a:lin ang="8100000" scaled="1"/>
                  <a:tileRect/>
                </a:gradFill>
              </a:ln>
              <a:effectLst>
                <a:outerShdw blurRad="50800" dist="50800" dir="5400000" algn="ctr" rotWithShape="0">
                  <a:srgbClr val="000000">
                    <a:alpha val="35000"/>
                  </a:srgbClr>
                </a:outerShdw>
              </a:effec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1" b="0" i="0" u="none" strike="noStrike" kern="0" cap="none" spc="0" normalizeH="0" baseline="0" noProof="0" dirty="0">
                  <a:ln>
                    <a:noFill/>
                  </a:ln>
                  <a:solidFill>
                    <a:srgbClr val="000000"/>
                  </a:solidFill>
                  <a:effectLst/>
                  <a:uLnTx/>
                  <a:uFillTx/>
                </a:endParaRPr>
              </a:p>
            </p:txBody>
          </p:sp>
          <p:sp>
            <p:nvSpPr>
              <p:cNvPr id="23" name="Rounded Rectangle 49">
                <a:extLst>
                  <a:ext uri="{FF2B5EF4-FFF2-40B4-BE49-F238E27FC236}">
                    <a16:creationId xmlns:a16="http://schemas.microsoft.com/office/drawing/2014/main" id="{2AA61A97-C2AA-4086-9345-0EBD3EEF5272}"/>
                  </a:ext>
                </a:extLst>
              </p:cNvPr>
              <p:cNvSpPr/>
              <p:nvPr/>
            </p:nvSpPr>
            <p:spPr>
              <a:xfrm>
                <a:off x="1769428" y="1809122"/>
                <a:ext cx="2392314" cy="888917"/>
              </a:xfrm>
              <a:custGeom>
                <a:avLst/>
                <a:gdLst/>
                <a:ahLst/>
                <a:cxnLst/>
                <a:rect l="l" t="t" r="r" b="b"/>
                <a:pathLst>
                  <a:path w="2392314" h="730710">
                    <a:moveTo>
                      <a:pt x="1196157" y="0"/>
                    </a:moveTo>
                    <a:cubicBezTo>
                      <a:pt x="1717615" y="0"/>
                      <a:pt x="2169810" y="296550"/>
                      <a:pt x="2392314" y="730710"/>
                    </a:cubicBezTo>
                    <a:lnTo>
                      <a:pt x="0" y="730710"/>
                    </a:lnTo>
                    <a:cubicBezTo>
                      <a:pt x="222504" y="296550"/>
                      <a:pt x="674699" y="0"/>
                      <a:pt x="1196157" y="0"/>
                    </a:cubicBezTo>
                    <a:close/>
                  </a:path>
                </a:pathLst>
              </a:custGeom>
              <a:gradFill flip="none" rotWithShape="1">
                <a:gsLst>
                  <a:gs pos="0">
                    <a:srgbClr val="0680C3"/>
                  </a:gs>
                  <a:gs pos="100000">
                    <a:sysClr val="window" lastClr="FFFFFF"/>
                  </a:gs>
                </a:gsLst>
                <a:lin ang="8100000" scaled="1"/>
                <a:tileRect/>
              </a:gradFill>
              <a:ln>
                <a:gradFill flip="none" rotWithShape="1">
                  <a:gsLst>
                    <a:gs pos="0">
                      <a:sysClr val="window" lastClr="FFFFFF"/>
                    </a:gs>
                    <a:gs pos="100000">
                      <a:sysClr val="window" lastClr="FFFFFF">
                        <a:lumMod val="75000"/>
                      </a:sysClr>
                    </a:gs>
                  </a:gsLst>
                  <a:lin ang="8100000" scaled="1"/>
                  <a:tileRect/>
                </a:gradFill>
              </a:ln>
              <a:effectLst>
                <a:outerShdw blurRad="50800" dist="50800" dir="5400000" algn="ctr" rotWithShape="0">
                  <a:srgbClr val="000000">
                    <a:alpha val="35000"/>
                  </a:srgbClr>
                </a:outerShdw>
              </a:effec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1" b="0" i="0" u="none" strike="noStrike" kern="0" cap="none" spc="0" normalizeH="0" baseline="0" noProof="0">
                  <a:ln>
                    <a:noFill/>
                  </a:ln>
                  <a:solidFill>
                    <a:srgbClr val="000000"/>
                  </a:solidFill>
                  <a:effectLst/>
                  <a:uLnTx/>
                  <a:uFillTx/>
                </a:endParaRPr>
              </a:p>
            </p:txBody>
          </p:sp>
        </p:grpSp>
        <p:sp>
          <p:nvSpPr>
            <p:cNvPr id="19" name="Round Same Side Corner Rectangle 9">
              <a:extLst>
                <a:ext uri="{FF2B5EF4-FFF2-40B4-BE49-F238E27FC236}">
                  <a16:creationId xmlns:a16="http://schemas.microsoft.com/office/drawing/2014/main" id="{14532FCE-0B28-4660-B591-3F13AD825D1F}"/>
                </a:ext>
              </a:extLst>
            </p:cNvPr>
            <p:cNvSpPr/>
            <p:nvPr/>
          </p:nvSpPr>
          <p:spPr>
            <a:xfrm rot="8594075">
              <a:off x="2562235" y="1390537"/>
              <a:ext cx="3299451" cy="5314648"/>
            </a:xfrm>
            <a:custGeom>
              <a:avLst/>
              <a:gdLst/>
              <a:ahLst/>
              <a:cxnLst/>
              <a:rect l="l" t="t" r="r" b="b"/>
              <a:pathLst>
                <a:path w="2808349" h="4523596">
                  <a:moveTo>
                    <a:pt x="567373" y="3851649"/>
                  </a:moveTo>
                  <a:cubicBezTo>
                    <a:pt x="971771" y="4313801"/>
                    <a:pt x="1674249" y="4360621"/>
                    <a:pt x="2136401" y="3956223"/>
                  </a:cubicBezTo>
                  <a:cubicBezTo>
                    <a:pt x="2598554" y="3551825"/>
                    <a:pt x="2645373" y="2849347"/>
                    <a:pt x="2240976" y="2387195"/>
                  </a:cubicBezTo>
                  <a:cubicBezTo>
                    <a:pt x="1836578" y="1925042"/>
                    <a:pt x="1134100" y="1878223"/>
                    <a:pt x="671947" y="2282621"/>
                  </a:cubicBezTo>
                  <a:cubicBezTo>
                    <a:pt x="209795" y="2687018"/>
                    <a:pt x="162975" y="3389496"/>
                    <a:pt x="567373" y="3851649"/>
                  </a:cubicBezTo>
                  <a:close/>
                  <a:moveTo>
                    <a:pt x="347455" y="4044083"/>
                  </a:moveTo>
                  <a:cubicBezTo>
                    <a:pt x="-163221" y="3460474"/>
                    <a:pt x="-104097" y="2573380"/>
                    <a:pt x="479512" y="2062703"/>
                  </a:cubicBezTo>
                  <a:cubicBezTo>
                    <a:pt x="688143" y="1880145"/>
                    <a:pt x="935556" y="1770404"/>
                    <a:pt x="1190892" y="1732712"/>
                  </a:cubicBezTo>
                  <a:lnTo>
                    <a:pt x="1190892" y="228600"/>
                  </a:lnTo>
                  <a:cubicBezTo>
                    <a:pt x="1190892" y="102348"/>
                    <a:pt x="1293240" y="0"/>
                    <a:pt x="1419492" y="0"/>
                  </a:cubicBezTo>
                  <a:cubicBezTo>
                    <a:pt x="1545744" y="0"/>
                    <a:pt x="1648092" y="102348"/>
                    <a:pt x="1648092" y="228600"/>
                  </a:cubicBezTo>
                  <a:lnTo>
                    <a:pt x="1648092" y="1737288"/>
                  </a:lnTo>
                  <a:cubicBezTo>
                    <a:pt x="1952641" y="1790115"/>
                    <a:pt x="2241503" y="1944038"/>
                    <a:pt x="2460893" y="2194760"/>
                  </a:cubicBezTo>
                  <a:cubicBezTo>
                    <a:pt x="2971570" y="2778370"/>
                    <a:pt x="2912446" y="3665464"/>
                    <a:pt x="2328836" y="4176140"/>
                  </a:cubicBezTo>
                  <a:cubicBezTo>
                    <a:pt x="1745226" y="4686817"/>
                    <a:pt x="858132" y="4627693"/>
                    <a:pt x="347455" y="4044083"/>
                  </a:cubicBezTo>
                  <a:close/>
                </a:path>
              </a:pathLst>
            </a:custGeom>
            <a:gradFill flip="none" rotWithShape="1">
              <a:gsLst>
                <a:gs pos="0">
                  <a:sysClr val="window" lastClr="FFFFFF">
                    <a:lumMod val="85000"/>
                  </a:sysClr>
                </a:gs>
                <a:gs pos="100000">
                  <a:sysClr val="window" lastClr="FFFFFF"/>
                </a:gs>
              </a:gsLst>
              <a:lin ang="8100000" scaled="1"/>
              <a:tileRect/>
            </a:gradFill>
            <a:ln>
              <a:gradFill flip="none" rotWithShape="1">
                <a:gsLst>
                  <a:gs pos="0">
                    <a:sysClr val="window" lastClr="FFFFFF"/>
                  </a:gs>
                  <a:gs pos="100000">
                    <a:sysClr val="window" lastClr="FFFFFF">
                      <a:lumMod val="75000"/>
                    </a:sysClr>
                  </a:gs>
                </a:gsLst>
                <a:lin ang="8100000" scaled="1"/>
                <a:tileRect/>
              </a:gradFill>
            </a:ln>
            <a:effectLst>
              <a:outerShdw blurRad="127000" dist="127000" dir="8100000" algn="tr" rotWithShape="0">
                <a:prstClr val="black">
                  <a:alpha val="33000"/>
                </a:prstClr>
              </a:outerShdw>
            </a:effec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1" b="0" i="0" u="none" strike="noStrike" kern="0" cap="none" spc="0" normalizeH="0" baseline="0" noProof="0" dirty="0">
                <a:ln>
                  <a:noFill/>
                </a:ln>
                <a:solidFill>
                  <a:srgbClr val="000000"/>
                </a:solidFill>
                <a:effectLst/>
                <a:uLnTx/>
                <a:uFillTx/>
              </a:endParaRPr>
            </a:p>
          </p:txBody>
        </p:sp>
      </p:grpSp>
      <p:sp>
        <p:nvSpPr>
          <p:cNvPr id="28" name="Oval 37">
            <a:extLst>
              <a:ext uri="{FF2B5EF4-FFF2-40B4-BE49-F238E27FC236}">
                <a16:creationId xmlns:a16="http://schemas.microsoft.com/office/drawing/2014/main" id="{B389ACE3-498B-4BF4-930C-DE54D4D25E94}"/>
              </a:ext>
            </a:extLst>
          </p:cNvPr>
          <p:cNvSpPr/>
          <p:nvPr/>
        </p:nvSpPr>
        <p:spPr>
          <a:xfrm>
            <a:off x="5673739" y="661032"/>
            <a:ext cx="1419421" cy="621373"/>
          </a:xfrm>
          <a:prstGeom prst="rect">
            <a:avLst/>
          </a:prstGeom>
          <a:noFill/>
          <a:ln w="25400">
            <a:solidFill>
              <a:srgbClr val="0680C3"/>
            </a:solidFill>
          </a:ln>
          <a:effectLst/>
        </p:spPr>
        <p:txBody>
          <a:bodyPr vert="horz" wrap="square" lIns="91440" tIns="45720" rIns="91440" bIns="45720" numCol="1" anchor="ctr" anchorCtr="0" compatLnSpc="1">
            <a:prstTxWarp prst="textNoShape">
              <a:avLst/>
            </a:prstTxWarp>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altLang="ko-KR" sz="2800" b="0" i="0" u="none" strike="noStrike" kern="0" cap="none" spc="0" normalizeH="0" baseline="0" noProof="0" dirty="0">
                <a:ln>
                  <a:noFill/>
                </a:ln>
                <a:solidFill>
                  <a:srgbClr val="000000"/>
                </a:solidFill>
                <a:effectLst/>
                <a:uLnTx/>
                <a:uFillTx/>
              </a:rPr>
              <a:t>Kıraat</a:t>
            </a:r>
            <a:endParaRPr kumimoji="0" lang="ko-KR" altLang="en-US" sz="2800" b="0" i="0" u="none" strike="noStrike" kern="0" cap="none" spc="0" normalizeH="0" baseline="0" noProof="0" dirty="0">
              <a:ln>
                <a:noFill/>
              </a:ln>
              <a:solidFill>
                <a:srgbClr val="000000"/>
              </a:solidFill>
              <a:effectLst/>
              <a:uLnTx/>
              <a:uFillTx/>
            </a:endParaRPr>
          </a:p>
        </p:txBody>
      </p:sp>
      <p:sp>
        <p:nvSpPr>
          <p:cNvPr id="30" name="Oval 40">
            <a:extLst>
              <a:ext uri="{FF2B5EF4-FFF2-40B4-BE49-F238E27FC236}">
                <a16:creationId xmlns:a16="http://schemas.microsoft.com/office/drawing/2014/main" id="{27749A71-953F-4D0D-BA87-192C3DF250E1}"/>
              </a:ext>
            </a:extLst>
          </p:cNvPr>
          <p:cNvSpPr/>
          <p:nvPr/>
        </p:nvSpPr>
        <p:spPr>
          <a:xfrm>
            <a:off x="5673740" y="2082369"/>
            <a:ext cx="1419421" cy="676755"/>
          </a:xfrm>
          <a:prstGeom prst="rect">
            <a:avLst/>
          </a:prstGeom>
          <a:noFill/>
          <a:ln w="25400">
            <a:solidFill>
              <a:srgbClr val="07A398"/>
            </a:solidFill>
          </a:ln>
          <a:effectLst/>
        </p:spPr>
        <p:txBody>
          <a:bodyPr vert="horz" wrap="square" lIns="91440" tIns="45720" rIns="91440" bIns="45720" numCol="1" anchor="ctr" anchorCtr="0" compatLnSpc="1">
            <a:prstTxWarp prst="textNoShape">
              <a:avLst/>
            </a:prstTxWarp>
          </a:bodyPr>
          <a:lstStyle/>
          <a:p>
            <a:pPr marL="0" marR="0" lvl="0" indent="0" algn="ctr" defTabSz="914400" eaLnBrk="1" fontAlgn="auto" latinLnBrk="0" hangingPunct="1">
              <a:lnSpc>
                <a:spcPct val="100000"/>
              </a:lnSpc>
              <a:spcBef>
                <a:spcPts val="0"/>
              </a:spcBef>
              <a:spcAft>
                <a:spcPts val="0"/>
              </a:spcAft>
              <a:buClrTx/>
              <a:buSzTx/>
              <a:buFontTx/>
              <a:buNone/>
              <a:tabLst/>
              <a:defRPr/>
            </a:pPr>
            <a:r>
              <a:rPr lang="tr-TR" altLang="ko-KR" sz="2800" kern="0" dirty="0">
                <a:solidFill>
                  <a:srgbClr val="000000"/>
                </a:solidFill>
              </a:rPr>
              <a:t>Tilavet</a:t>
            </a:r>
            <a:endParaRPr kumimoji="0" lang="ko-KR" altLang="en-US" sz="2800" b="0" i="0" u="none" strike="noStrike" kern="0" cap="none" spc="0" normalizeH="0" baseline="0" noProof="0" dirty="0">
              <a:ln>
                <a:noFill/>
              </a:ln>
              <a:solidFill>
                <a:srgbClr val="000000"/>
              </a:solidFill>
              <a:effectLst/>
              <a:uLnTx/>
              <a:uFillTx/>
            </a:endParaRPr>
          </a:p>
        </p:txBody>
      </p:sp>
      <p:sp>
        <p:nvSpPr>
          <p:cNvPr id="32" name="Oval 43">
            <a:extLst>
              <a:ext uri="{FF2B5EF4-FFF2-40B4-BE49-F238E27FC236}">
                <a16:creationId xmlns:a16="http://schemas.microsoft.com/office/drawing/2014/main" id="{9C68D285-76E9-4F7C-A9DC-56D4FF8EFE91}"/>
              </a:ext>
            </a:extLst>
          </p:cNvPr>
          <p:cNvSpPr/>
          <p:nvPr/>
        </p:nvSpPr>
        <p:spPr>
          <a:xfrm>
            <a:off x="5673740" y="3265534"/>
            <a:ext cx="1419421" cy="676756"/>
          </a:xfrm>
          <a:prstGeom prst="rect">
            <a:avLst/>
          </a:prstGeom>
          <a:noFill/>
          <a:ln w="25400">
            <a:solidFill>
              <a:srgbClr val="90C221"/>
            </a:solidFill>
          </a:ln>
          <a:effectLst/>
        </p:spPr>
        <p:txBody>
          <a:bodyPr vert="horz" wrap="square" lIns="91440" tIns="45720" rIns="91440" bIns="45720" numCol="1" anchor="ctr" anchorCtr="0" compatLnSpc="1">
            <a:prstTxWarp prst="textNoShape">
              <a:avLst/>
            </a:prstTxWarp>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altLang="ko-KR" sz="2800" b="0" i="0" u="none" strike="noStrike" kern="0" cap="none" spc="0" normalizeH="0" baseline="0" noProof="0" dirty="0">
                <a:ln>
                  <a:noFill/>
                </a:ln>
                <a:solidFill>
                  <a:srgbClr val="000000"/>
                </a:solidFill>
                <a:effectLst/>
                <a:uLnTx/>
                <a:uFillTx/>
              </a:rPr>
              <a:t>Meal</a:t>
            </a:r>
            <a:endParaRPr kumimoji="0" lang="ko-KR" altLang="en-US" sz="2800" b="0" i="0" u="none" strike="noStrike" kern="0" cap="none" spc="0" normalizeH="0" baseline="0" noProof="0" dirty="0">
              <a:ln>
                <a:noFill/>
              </a:ln>
              <a:solidFill>
                <a:srgbClr val="000000"/>
              </a:solidFill>
              <a:effectLst/>
              <a:uLnTx/>
              <a:uFillTx/>
            </a:endParaRPr>
          </a:p>
        </p:txBody>
      </p:sp>
      <p:sp>
        <p:nvSpPr>
          <p:cNvPr id="34" name="Oval 46">
            <a:extLst>
              <a:ext uri="{FF2B5EF4-FFF2-40B4-BE49-F238E27FC236}">
                <a16:creationId xmlns:a16="http://schemas.microsoft.com/office/drawing/2014/main" id="{CBF8C139-4D1D-49B0-8C39-57954F08C2AA}"/>
              </a:ext>
            </a:extLst>
          </p:cNvPr>
          <p:cNvSpPr/>
          <p:nvPr/>
        </p:nvSpPr>
        <p:spPr>
          <a:xfrm>
            <a:off x="5673740" y="4431097"/>
            <a:ext cx="1419421" cy="676756"/>
          </a:xfrm>
          <a:prstGeom prst="rect">
            <a:avLst/>
          </a:prstGeom>
          <a:noFill/>
          <a:ln w="25400">
            <a:solidFill>
              <a:srgbClr val="FBA200"/>
            </a:solidFill>
          </a:ln>
          <a:effectLst/>
        </p:spPr>
        <p:txBody>
          <a:bodyPr vert="horz" wrap="square" lIns="91440" tIns="45720" rIns="91440" bIns="45720" numCol="1" anchor="ctr" anchorCtr="0" compatLnSpc="1">
            <a:prstTxWarp prst="textNoShape">
              <a:avLst/>
            </a:prstTxWarp>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altLang="ko-KR" sz="2800" b="0" i="0" u="none" strike="noStrike" kern="0" cap="none" spc="0" normalizeH="0" baseline="0" noProof="0" dirty="0">
                <a:ln>
                  <a:noFill/>
                </a:ln>
                <a:solidFill>
                  <a:srgbClr val="000000"/>
                </a:solidFill>
                <a:effectLst/>
                <a:uLnTx/>
                <a:uFillTx/>
              </a:rPr>
              <a:t>Tefsir</a:t>
            </a:r>
            <a:endParaRPr kumimoji="0" lang="ko-KR" altLang="en-US" sz="2800" b="0" i="0" u="none" strike="noStrike" kern="0" cap="none" spc="0" normalizeH="0" baseline="0" noProof="0" dirty="0">
              <a:ln>
                <a:noFill/>
              </a:ln>
              <a:solidFill>
                <a:srgbClr val="000000"/>
              </a:solidFill>
              <a:effectLst/>
              <a:uLnTx/>
              <a:uFillTx/>
            </a:endParaRPr>
          </a:p>
        </p:txBody>
      </p:sp>
      <p:sp>
        <p:nvSpPr>
          <p:cNvPr id="126" name="Metin kutusu 125"/>
          <p:cNvSpPr txBox="1"/>
          <p:nvPr/>
        </p:nvSpPr>
        <p:spPr>
          <a:xfrm>
            <a:off x="3064217" y="1933932"/>
            <a:ext cx="1239865" cy="430887"/>
          </a:xfrm>
          <a:prstGeom prst="rect">
            <a:avLst/>
          </a:prstGeom>
          <a:noFill/>
        </p:spPr>
        <p:txBody>
          <a:bodyPr wrap="square" lIns="0" tIns="0" rIns="0" bIns="0" rtlCol="0">
            <a:spAutoFit/>
          </a:bodyPr>
          <a:lstStyle/>
          <a:p>
            <a:r>
              <a:rPr lang="tr-TR" sz="2800" dirty="0"/>
              <a:t>Kıraat</a:t>
            </a:r>
          </a:p>
        </p:txBody>
      </p:sp>
      <p:sp>
        <p:nvSpPr>
          <p:cNvPr id="127" name="Metin kutusu 126"/>
          <p:cNvSpPr txBox="1"/>
          <p:nvPr/>
        </p:nvSpPr>
        <p:spPr>
          <a:xfrm>
            <a:off x="3100157" y="2489333"/>
            <a:ext cx="1239865" cy="430887"/>
          </a:xfrm>
          <a:prstGeom prst="rect">
            <a:avLst/>
          </a:prstGeom>
          <a:noFill/>
        </p:spPr>
        <p:txBody>
          <a:bodyPr wrap="square" lIns="0" tIns="0" rIns="0" bIns="0" rtlCol="0">
            <a:spAutoFit/>
          </a:bodyPr>
          <a:lstStyle/>
          <a:p>
            <a:r>
              <a:rPr lang="tr-TR" sz="2800" dirty="0"/>
              <a:t>Tilavet</a:t>
            </a:r>
          </a:p>
        </p:txBody>
      </p:sp>
      <p:sp>
        <p:nvSpPr>
          <p:cNvPr id="128" name="Metin kutusu 127"/>
          <p:cNvSpPr txBox="1"/>
          <p:nvPr/>
        </p:nvSpPr>
        <p:spPr>
          <a:xfrm>
            <a:off x="3428781" y="2984192"/>
            <a:ext cx="922899" cy="430887"/>
          </a:xfrm>
          <a:prstGeom prst="rect">
            <a:avLst/>
          </a:prstGeom>
          <a:noFill/>
        </p:spPr>
        <p:txBody>
          <a:bodyPr wrap="square" lIns="0" tIns="0" rIns="0" bIns="0" rtlCol="0">
            <a:spAutoFit/>
          </a:bodyPr>
          <a:lstStyle/>
          <a:p>
            <a:r>
              <a:rPr lang="tr-TR" sz="2800" dirty="0"/>
              <a:t>Meal</a:t>
            </a:r>
          </a:p>
        </p:txBody>
      </p:sp>
      <p:sp>
        <p:nvSpPr>
          <p:cNvPr id="129" name="Metin kutusu 128"/>
          <p:cNvSpPr txBox="1"/>
          <p:nvPr/>
        </p:nvSpPr>
        <p:spPr>
          <a:xfrm>
            <a:off x="3519304" y="3474476"/>
            <a:ext cx="922899" cy="430887"/>
          </a:xfrm>
          <a:prstGeom prst="rect">
            <a:avLst/>
          </a:prstGeom>
          <a:noFill/>
        </p:spPr>
        <p:txBody>
          <a:bodyPr wrap="square" lIns="0" tIns="0" rIns="0" bIns="0" rtlCol="0">
            <a:spAutoFit/>
          </a:bodyPr>
          <a:lstStyle/>
          <a:p>
            <a:r>
              <a:rPr lang="tr-TR" sz="2800" dirty="0"/>
              <a:t>Tefsir</a:t>
            </a:r>
          </a:p>
        </p:txBody>
      </p:sp>
      <p:sp>
        <p:nvSpPr>
          <p:cNvPr id="131" name="Dikdörtgen 130"/>
          <p:cNvSpPr/>
          <p:nvPr/>
        </p:nvSpPr>
        <p:spPr>
          <a:xfrm>
            <a:off x="7198197" y="771663"/>
            <a:ext cx="4993803" cy="400110"/>
          </a:xfrm>
          <a:prstGeom prst="rect">
            <a:avLst/>
          </a:prstGeom>
        </p:spPr>
        <p:txBody>
          <a:bodyPr wrap="none">
            <a:spAutoFit/>
          </a:bodyPr>
          <a:lstStyle/>
          <a:p>
            <a:r>
              <a:rPr lang="tr-TR" sz="2000" dirty="0"/>
              <a:t>Kur’an okumaya genel olarak kıraat denir. </a:t>
            </a:r>
          </a:p>
        </p:txBody>
      </p:sp>
      <p:sp>
        <p:nvSpPr>
          <p:cNvPr id="132" name="Dikdörtgen 131"/>
          <p:cNvSpPr/>
          <p:nvPr/>
        </p:nvSpPr>
        <p:spPr>
          <a:xfrm>
            <a:off x="7093160" y="2105241"/>
            <a:ext cx="5098840" cy="646331"/>
          </a:xfrm>
          <a:prstGeom prst="rect">
            <a:avLst/>
          </a:prstGeom>
        </p:spPr>
        <p:txBody>
          <a:bodyPr wrap="square">
            <a:spAutoFit/>
          </a:bodyPr>
          <a:lstStyle/>
          <a:p>
            <a:r>
              <a:rPr lang="tr-TR" dirty="0"/>
              <a:t>Hem okumak hem de emir ve yasaklarını hayata geçirmek amacıyla okumaya ise tilavet denir</a:t>
            </a:r>
          </a:p>
        </p:txBody>
      </p:sp>
      <p:sp>
        <p:nvSpPr>
          <p:cNvPr id="133" name="Dikdörtgen 132"/>
          <p:cNvSpPr/>
          <p:nvPr/>
        </p:nvSpPr>
        <p:spPr>
          <a:xfrm>
            <a:off x="7198197" y="3423207"/>
            <a:ext cx="3089179" cy="400110"/>
          </a:xfrm>
          <a:prstGeom prst="rect">
            <a:avLst/>
          </a:prstGeom>
        </p:spPr>
        <p:txBody>
          <a:bodyPr wrap="none">
            <a:spAutoFit/>
          </a:bodyPr>
          <a:lstStyle/>
          <a:p>
            <a:r>
              <a:rPr lang="tr-TR" sz="2000" dirty="0"/>
              <a:t>Türkçede Kur’an çevirileri</a:t>
            </a:r>
          </a:p>
        </p:txBody>
      </p:sp>
      <p:sp>
        <p:nvSpPr>
          <p:cNvPr id="134" name="Dikdörtgen 133"/>
          <p:cNvSpPr/>
          <p:nvPr/>
        </p:nvSpPr>
        <p:spPr>
          <a:xfrm>
            <a:off x="7192323" y="4461522"/>
            <a:ext cx="4828488" cy="646331"/>
          </a:xfrm>
          <a:prstGeom prst="rect">
            <a:avLst/>
          </a:prstGeom>
        </p:spPr>
        <p:txBody>
          <a:bodyPr wrap="square">
            <a:spAutoFit/>
          </a:bodyPr>
          <a:lstStyle/>
          <a:p>
            <a:r>
              <a:rPr lang="tr-TR" dirty="0"/>
              <a:t>Kur'an-ı Kerîm ayetlerini açıklamak ve yorumlamak  </a:t>
            </a:r>
          </a:p>
        </p:txBody>
      </p:sp>
      <p:sp>
        <p:nvSpPr>
          <p:cNvPr id="135" name="Metin kutusu 134"/>
          <p:cNvSpPr txBox="1"/>
          <p:nvPr/>
        </p:nvSpPr>
        <p:spPr>
          <a:xfrm>
            <a:off x="238049" y="433259"/>
            <a:ext cx="5087376" cy="861774"/>
          </a:xfrm>
          <a:prstGeom prst="rect">
            <a:avLst/>
          </a:prstGeom>
          <a:noFill/>
        </p:spPr>
        <p:txBody>
          <a:bodyPr wrap="square" lIns="0" tIns="0" rIns="0" bIns="0" rtlCol="0">
            <a:spAutoFit/>
          </a:bodyPr>
          <a:lstStyle/>
          <a:p>
            <a:r>
              <a:rPr lang="tr-TR" sz="2800" dirty="0"/>
              <a:t>Kur’an-ı Kerim’i Okumak ve Anlamakla İlgili Bazı Kelimeler</a:t>
            </a:r>
          </a:p>
        </p:txBody>
      </p:sp>
    </p:spTree>
    <p:custDataLst>
      <p:tags r:id="rId1"/>
    </p:custDataLst>
    <p:extLst>
      <p:ext uri="{BB962C8B-B14F-4D97-AF65-F5344CB8AC3E}">
        <p14:creationId xmlns:p14="http://schemas.microsoft.com/office/powerpoint/2010/main" val="30280079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8"/>
                                        </p:tgtEl>
                                        <p:attrNameLst>
                                          <p:attrName>style.visibility</p:attrName>
                                        </p:attrNameLst>
                                      </p:cBhvr>
                                      <p:to>
                                        <p:strVal val="visible"/>
                                      </p:to>
                                    </p:set>
                                    <p:animEffect transition="in" filter="wipe(left)">
                                      <p:cBhvr>
                                        <p:cTn id="7" dur="500"/>
                                        <p:tgtEl>
                                          <p:spTgt spid="28"/>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131"/>
                                        </p:tgtEl>
                                        <p:attrNameLst>
                                          <p:attrName>style.visibility</p:attrName>
                                        </p:attrNameLst>
                                      </p:cBhvr>
                                      <p:to>
                                        <p:strVal val="visible"/>
                                      </p:to>
                                    </p:set>
                                    <p:animEffect transition="in" filter="wipe(left)">
                                      <p:cBhvr>
                                        <p:cTn id="11" dur="500"/>
                                        <p:tgtEl>
                                          <p:spTgt spid="131"/>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30"/>
                                        </p:tgtEl>
                                        <p:attrNameLst>
                                          <p:attrName>style.visibility</p:attrName>
                                        </p:attrNameLst>
                                      </p:cBhvr>
                                      <p:to>
                                        <p:strVal val="visible"/>
                                      </p:to>
                                    </p:set>
                                    <p:animEffect transition="in" filter="wipe(left)">
                                      <p:cBhvr>
                                        <p:cTn id="16" dur="500"/>
                                        <p:tgtEl>
                                          <p:spTgt spid="30"/>
                                        </p:tgtEl>
                                      </p:cBhvr>
                                    </p:animEffect>
                                  </p:childTnLst>
                                </p:cTn>
                              </p:par>
                            </p:childTnLst>
                          </p:cTn>
                        </p:par>
                        <p:par>
                          <p:cTn id="17" fill="hold">
                            <p:stCondLst>
                              <p:cond delay="500"/>
                            </p:stCondLst>
                            <p:childTnLst>
                              <p:par>
                                <p:cTn id="18" presetID="22" presetClass="entr" presetSubtype="8" fill="hold" grpId="0" nodeType="afterEffect">
                                  <p:stCondLst>
                                    <p:cond delay="0"/>
                                  </p:stCondLst>
                                  <p:childTnLst>
                                    <p:set>
                                      <p:cBhvr>
                                        <p:cTn id="19" dur="1" fill="hold">
                                          <p:stCondLst>
                                            <p:cond delay="0"/>
                                          </p:stCondLst>
                                        </p:cTn>
                                        <p:tgtEl>
                                          <p:spTgt spid="132"/>
                                        </p:tgtEl>
                                        <p:attrNameLst>
                                          <p:attrName>style.visibility</p:attrName>
                                        </p:attrNameLst>
                                      </p:cBhvr>
                                      <p:to>
                                        <p:strVal val="visible"/>
                                      </p:to>
                                    </p:set>
                                    <p:animEffect transition="in" filter="wipe(left)">
                                      <p:cBhvr>
                                        <p:cTn id="20" dur="500"/>
                                        <p:tgtEl>
                                          <p:spTgt spid="132"/>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32"/>
                                        </p:tgtEl>
                                        <p:attrNameLst>
                                          <p:attrName>style.visibility</p:attrName>
                                        </p:attrNameLst>
                                      </p:cBhvr>
                                      <p:to>
                                        <p:strVal val="visible"/>
                                      </p:to>
                                    </p:set>
                                    <p:animEffect transition="in" filter="wipe(left)">
                                      <p:cBhvr>
                                        <p:cTn id="25" dur="500"/>
                                        <p:tgtEl>
                                          <p:spTgt spid="32"/>
                                        </p:tgtEl>
                                      </p:cBhvr>
                                    </p:animEffect>
                                  </p:childTnLst>
                                </p:cTn>
                              </p:par>
                            </p:childTnLst>
                          </p:cTn>
                        </p:par>
                        <p:par>
                          <p:cTn id="26" fill="hold">
                            <p:stCondLst>
                              <p:cond delay="500"/>
                            </p:stCondLst>
                            <p:childTnLst>
                              <p:par>
                                <p:cTn id="27" presetID="22" presetClass="entr" presetSubtype="8" fill="hold" grpId="0" nodeType="afterEffect">
                                  <p:stCondLst>
                                    <p:cond delay="0"/>
                                  </p:stCondLst>
                                  <p:childTnLst>
                                    <p:set>
                                      <p:cBhvr>
                                        <p:cTn id="28" dur="1" fill="hold">
                                          <p:stCondLst>
                                            <p:cond delay="0"/>
                                          </p:stCondLst>
                                        </p:cTn>
                                        <p:tgtEl>
                                          <p:spTgt spid="133"/>
                                        </p:tgtEl>
                                        <p:attrNameLst>
                                          <p:attrName>style.visibility</p:attrName>
                                        </p:attrNameLst>
                                      </p:cBhvr>
                                      <p:to>
                                        <p:strVal val="visible"/>
                                      </p:to>
                                    </p:set>
                                    <p:animEffect transition="in" filter="wipe(left)">
                                      <p:cBhvr>
                                        <p:cTn id="29" dur="500"/>
                                        <p:tgtEl>
                                          <p:spTgt spid="133"/>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8" fill="hold" grpId="0" nodeType="clickEffect">
                                  <p:stCondLst>
                                    <p:cond delay="0"/>
                                  </p:stCondLst>
                                  <p:childTnLst>
                                    <p:set>
                                      <p:cBhvr>
                                        <p:cTn id="33" dur="1" fill="hold">
                                          <p:stCondLst>
                                            <p:cond delay="0"/>
                                          </p:stCondLst>
                                        </p:cTn>
                                        <p:tgtEl>
                                          <p:spTgt spid="34"/>
                                        </p:tgtEl>
                                        <p:attrNameLst>
                                          <p:attrName>style.visibility</p:attrName>
                                        </p:attrNameLst>
                                      </p:cBhvr>
                                      <p:to>
                                        <p:strVal val="visible"/>
                                      </p:to>
                                    </p:set>
                                    <p:animEffect transition="in" filter="wipe(left)">
                                      <p:cBhvr>
                                        <p:cTn id="34" dur="500"/>
                                        <p:tgtEl>
                                          <p:spTgt spid="34"/>
                                        </p:tgtEl>
                                      </p:cBhvr>
                                    </p:animEffect>
                                  </p:childTnLst>
                                </p:cTn>
                              </p:par>
                            </p:childTnLst>
                          </p:cTn>
                        </p:par>
                        <p:par>
                          <p:cTn id="35" fill="hold">
                            <p:stCondLst>
                              <p:cond delay="500"/>
                            </p:stCondLst>
                            <p:childTnLst>
                              <p:par>
                                <p:cTn id="36" presetID="22" presetClass="entr" presetSubtype="8" fill="hold" grpId="0" nodeType="afterEffect">
                                  <p:stCondLst>
                                    <p:cond delay="0"/>
                                  </p:stCondLst>
                                  <p:childTnLst>
                                    <p:set>
                                      <p:cBhvr>
                                        <p:cTn id="37" dur="1" fill="hold">
                                          <p:stCondLst>
                                            <p:cond delay="0"/>
                                          </p:stCondLst>
                                        </p:cTn>
                                        <p:tgtEl>
                                          <p:spTgt spid="134"/>
                                        </p:tgtEl>
                                        <p:attrNameLst>
                                          <p:attrName>style.visibility</p:attrName>
                                        </p:attrNameLst>
                                      </p:cBhvr>
                                      <p:to>
                                        <p:strVal val="visible"/>
                                      </p:to>
                                    </p:set>
                                    <p:animEffect transition="in" filter="wipe(left)">
                                      <p:cBhvr>
                                        <p:cTn id="38" dur="500"/>
                                        <p:tgtEl>
                                          <p:spTgt spid="13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8" grpId="0" animBg="1"/>
      <p:bldP spid="30" grpId="0" animBg="1"/>
      <p:bldP spid="32" grpId="0" animBg="1"/>
      <p:bldP spid="34" grpId="0" animBg="1"/>
      <p:bldP spid="131" grpId="0"/>
      <p:bldP spid="132" grpId="0"/>
      <p:bldP spid="133" grpId="0"/>
      <p:bldP spid="134" grpId="0"/>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 name="Title 3"/>
          <p:cNvSpPr txBox="1">
            <a:spLocks/>
          </p:cNvSpPr>
          <p:nvPr/>
        </p:nvSpPr>
        <p:spPr>
          <a:xfrm>
            <a:off x="2858762" y="503655"/>
            <a:ext cx="6289895" cy="967724"/>
          </a:xfrm>
          <a:prstGeom prst="rect">
            <a:avLst/>
          </a:prstGeom>
        </p:spPr>
        <p:txBody>
          <a:bodyPr vert="horz" lIns="91440" tIns="45720" rIns="91440" bIns="45720" rtlCol="0" anchor="ctr">
            <a:normAutofit lnSpcReduction="10000"/>
          </a:bodyPr>
          <a:lstStyle>
            <a:lvl1pPr algn="ctr" defTabSz="914400" rtl="0" eaLnBrk="1" latinLnBrk="0" hangingPunct="1">
              <a:lnSpc>
                <a:spcPct val="90000"/>
              </a:lnSpc>
              <a:spcBef>
                <a:spcPct val="0"/>
              </a:spcBef>
              <a:buNone/>
              <a:defRPr sz="4800" b="1" kern="1200">
                <a:solidFill>
                  <a:schemeClr val="tx1">
                    <a:lumMod val="65000"/>
                    <a:lumOff val="35000"/>
                  </a:schemeClr>
                </a:solidFill>
                <a:latin typeface="+mj-lt"/>
                <a:ea typeface="+mj-ea"/>
                <a:cs typeface="+mj-cs"/>
              </a:defRPr>
            </a:lvl1pPr>
          </a:lstStyle>
          <a:p>
            <a:pPr lvl="0"/>
            <a:r>
              <a:rPr lang="tr-TR" sz="4000" dirty="0">
                <a:solidFill>
                  <a:srgbClr val="000000">
                    <a:lumMod val="65000"/>
                    <a:lumOff val="35000"/>
                  </a:srgbClr>
                </a:solidFill>
              </a:rPr>
              <a:t>İnsanın Allah ile İrtibatı </a:t>
            </a:r>
          </a:p>
          <a:p>
            <a:pPr lvl="0"/>
            <a:r>
              <a:rPr lang="tr-TR" sz="2400" b="0" dirty="0">
                <a:solidFill>
                  <a:srgbClr val="000000">
                    <a:lumMod val="65000"/>
                    <a:lumOff val="35000"/>
                  </a:srgbClr>
                </a:solidFill>
              </a:rPr>
              <a:t>4 yolla gerçekleşir</a:t>
            </a:r>
          </a:p>
        </p:txBody>
      </p:sp>
      <p:sp>
        <p:nvSpPr>
          <p:cNvPr id="34" name="Rounded Rectangle 4">
            <a:extLst>
              <a:ext uri="{FF2B5EF4-FFF2-40B4-BE49-F238E27FC236}">
                <a16:creationId xmlns:a16="http://schemas.microsoft.com/office/drawing/2014/main" id="{12AD368E-6F7F-4E34-8E9E-4CD95FDF07A8}"/>
              </a:ext>
            </a:extLst>
          </p:cNvPr>
          <p:cNvSpPr/>
          <p:nvPr/>
        </p:nvSpPr>
        <p:spPr>
          <a:xfrm>
            <a:off x="836986" y="1970880"/>
            <a:ext cx="2152726" cy="4284724"/>
          </a:xfrm>
          <a:prstGeom prst="roundRect">
            <a:avLst>
              <a:gd name="adj" fmla="val 7734"/>
            </a:avLst>
          </a:prstGeom>
          <a:solidFill>
            <a:sysClr val="window" lastClr="FFFFFF"/>
          </a:solidFill>
          <a:ln w="25400">
            <a:solidFill>
              <a:srgbClr val="0680C3"/>
            </a:solidFill>
          </a:ln>
          <a:effec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srgbClr val="000000"/>
              </a:solidFill>
              <a:effectLst/>
              <a:uLnTx/>
              <a:uFillTx/>
            </a:endParaRPr>
          </a:p>
        </p:txBody>
      </p:sp>
      <p:sp>
        <p:nvSpPr>
          <p:cNvPr id="38" name="Right Arrow 6">
            <a:extLst>
              <a:ext uri="{FF2B5EF4-FFF2-40B4-BE49-F238E27FC236}">
                <a16:creationId xmlns:a16="http://schemas.microsoft.com/office/drawing/2014/main" id="{69A4CC7E-9298-42E4-A5F1-282FA40717BE}"/>
              </a:ext>
            </a:extLst>
          </p:cNvPr>
          <p:cNvSpPr/>
          <p:nvPr/>
        </p:nvSpPr>
        <p:spPr>
          <a:xfrm>
            <a:off x="836986" y="2151148"/>
            <a:ext cx="1835832" cy="864096"/>
          </a:xfrm>
          <a:prstGeom prst="rightArrow">
            <a:avLst>
              <a:gd name="adj1" fmla="val 65118"/>
              <a:gd name="adj2" fmla="val 83626"/>
            </a:avLst>
          </a:prstGeom>
          <a:solidFill>
            <a:srgbClr val="0680C3"/>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prstClr val="white"/>
              </a:solidFill>
              <a:effectLst/>
              <a:uLnTx/>
              <a:uFillTx/>
              <a:latin typeface="Arial"/>
              <a:cs typeface="+mn-cs"/>
            </a:endParaRPr>
          </a:p>
        </p:txBody>
      </p:sp>
      <p:sp>
        <p:nvSpPr>
          <p:cNvPr id="39" name="TextBox 1296">
            <a:extLst>
              <a:ext uri="{FF2B5EF4-FFF2-40B4-BE49-F238E27FC236}">
                <a16:creationId xmlns:a16="http://schemas.microsoft.com/office/drawing/2014/main" id="{3CC7B3CD-8E52-40A4-9B43-1D5952C57AD4}"/>
              </a:ext>
            </a:extLst>
          </p:cNvPr>
          <p:cNvSpPr txBox="1"/>
          <p:nvPr/>
        </p:nvSpPr>
        <p:spPr>
          <a:xfrm>
            <a:off x="824442" y="2320764"/>
            <a:ext cx="1376853" cy="523220"/>
          </a:xfrm>
          <a:prstGeom prst="rect">
            <a:avLst/>
          </a:prstGeom>
          <a:noFill/>
        </p:spPr>
        <p:txBody>
          <a:bodyPr wrap="square" rtlCol="0">
            <a:spAutoFit/>
          </a:bodyPr>
          <a:lstStyle/>
          <a:p>
            <a:pPr algn="ctr"/>
            <a:r>
              <a:rPr lang="en-US" altLang="ko-KR" sz="2800" b="1" dirty="0">
                <a:solidFill>
                  <a:prstClr val="white"/>
                </a:solidFill>
                <a:cs typeface="Arial" pitchFamily="34" charset="0"/>
              </a:rPr>
              <a:t>1</a:t>
            </a:r>
            <a:r>
              <a:rPr lang="tr-TR" altLang="ko-KR" sz="2800" b="1" dirty="0">
                <a:solidFill>
                  <a:prstClr val="white"/>
                </a:solidFill>
                <a:cs typeface="Arial" pitchFamily="34" charset="0"/>
              </a:rPr>
              <a:t>. Dua</a:t>
            </a:r>
            <a:endParaRPr lang="ko-KR" altLang="en-US" sz="2800" b="1" dirty="0">
              <a:solidFill>
                <a:prstClr val="white"/>
              </a:solidFill>
              <a:cs typeface="Arial" pitchFamily="34" charset="0"/>
            </a:endParaRPr>
          </a:p>
        </p:txBody>
      </p:sp>
      <p:sp>
        <p:nvSpPr>
          <p:cNvPr id="40" name="Rounded Rectangle 64">
            <a:extLst>
              <a:ext uri="{FF2B5EF4-FFF2-40B4-BE49-F238E27FC236}">
                <a16:creationId xmlns:a16="http://schemas.microsoft.com/office/drawing/2014/main" id="{31A0CD32-68D7-4862-8454-EF9EC1945064}"/>
              </a:ext>
            </a:extLst>
          </p:cNvPr>
          <p:cNvSpPr/>
          <p:nvPr/>
        </p:nvSpPr>
        <p:spPr>
          <a:xfrm>
            <a:off x="3517456" y="1970880"/>
            <a:ext cx="2152726" cy="4284724"/>
          </a:xfrm>
          <a:prstGeom prst="roundRect">
            <a:avLst>
              <a:gd name="adj" fmla="val 7734"/>
            </a:avLst>
          </a:prstGeom>
          <a:solidFill>
            <a:sysClr val="window" lastClr="FFFFFF"/>
          </a:solidFill>
          <a:ln w="25400">
            <a:solidFill>
              <a:srgbClr val="07A398"/>
            </a:solidFill>
          </a:ln>
          <a:effec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srgbClr val="000000"/>
              </a:solidFill>
              <a:effectLst/>
              <a:uLnTx/>
              <a:uFillTx/>
            </a:endParaRPr>
          </a:p>
        </p:txBody>
      </p:sp>
      <p:sp>
        <p:nvSpPr>
          <p:cNvPr id="44" name="Right Arrow 66">
            <a:extLst>
              <a:ext uri="{FF2B5EF4-FFF2-40B4-BE49-F238E27FC236}">
                <a16:creationId xmlns:a16="http://schemas.microsoft.com/office/drawing/2014/main" id="{9E82EFF0-79D1-49C2-9A52-2E4DA2EE1BD5}"/>
              </a:ext>
            </a:extLst>
          </p:cNvPr>
          <p:cNvSpPr/>
          <p:nvPr/>
        </p:nvSpPr>
        <p:spPr>
          <a:xfrm>
            <a:off x="3517455" y="2151148"/>
            <a:ext cx="1897453" cy="864096"/>
          </a:xfrm>
          <a:prstGeom prst="rightArrow">
            <a:avLst>
              <a:gd name="adj1" fmla="val 65118"/>
              <a:gd name="adj2" fmla="val 84614"/>
            </a:avLst>
          </a:prstGeom>
          <a:solidFill>
            <a:srgbClr val="07A398"/>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prstClr val="white"/>
              </a:solidFill>
              <a:effectLst/>
              <a:uLnTx/>
              <a:uFillTx/>
              <a:latin typeface="Arial"/>
              <a:cs typeface="+mn-cs"/>
            </a:endParaRPr>
          </a:p>
        </p:txBody>
      </p:sp>
      <p:sp>
        <p:nvSpPr>
          <p:cNvPr id="45" name="TextBox 1302">
            <a:extLst>
              <a:ext uri="{FF2B5EF4-FFF2-40B4-BE49-F238E27FC236}">
                <a16:creationId xmlns:a16="http://schemas.microsoft.com/office/drawing/2014/main" id="{74828634-17A7-473C-867B-63960535F76E}"/>
              </a:ext>
            </a:extLst>
          </p:cNvPr>
          <p:cNvSpPr txBox="1"/>
          <p:nvPr/>
        </p:nvSpPr>
        <p:spPr>
          <a:xfrm>
            <a:off x="3456932" y="2327823"/>
            <a:ext cx="1692780" cy="523220"/>
          </a:xfrm>
          <a:prstGeom prst="rect">
            <a:avLst/>
          </a:prstGeom>
          <a:noFill/>
        </p:spPr>
        <p:txBody>
          <a:bodyPr wrap="square" rtlCol="0">
            <a:spAutoFit/>
          </a:bodyPr>
          <a:lstStyle/>
          <a:p>
            <a:pPr algn="ctr"/>
            <a:r>
              <a:rPr lang="en-US" altLang="ko-KR" sz="2800" b="1" dirty="0">
                <a:solidFill>
                  <a:prstClr val="white"/>
                </a:solidFill>
                <a:cs typeface="Arial" pitchFamily="34" charset="0"/>
              </a:rPr>
              <a:t>2</a:t>
            </a:r>
            <a:r>
              <a:rPr lang="tr-TR" altLang="ko-KR" sz="2800" b="1" dirty="0">
                <a:solidFill>
                  <a:prstClr val="white"/>
                </a:solidFill>
                <a:cs typeface="Arial" pitchFamily="34" charset="0"/>
              </a:rPr>
              <a:t>. İbadet</a:t>
            </a:r>
            <a:endParaRPr lang="ko-KR" altLang="en-US" sz="2800" b="1" dirty="0">
              <a:solidFill>
                <a:prstClr val="white"/>
              </a:solidFill>
              <a:cs typeface="Arial" pitchFamily="34" charset="0"/>
            </a:endParaRPr>
          </a:p>
        </p:txBody>
      </p:sp>
      <p:sp>
        <p:nvSpPr>
          <p:cNvPr id="46" name="Rounded Rectangle 71">
            <a:extLst>
              <a:ext uri="{FF2B5EF4-FFF2-40B4-BE49-F238E27FC236}">
                <a16:creationId xmlns:a16="http://schemas.microsoft.com/office/drawing/2014/main" id="{E29A8459-69CD-4760-A4FA-C97AB54CDEA4}"/>
              </a:ext>
            </a:extLst>
          </p:cNvPr>
          <p:cNvSpPr/>
          <p:nvPr/>
        </p:nvSpPr>
        <p:spPr>
          <a:xfrm>
            <a:off x="6197924" y="1970880"/>
            <a:ext cx="2152726" cy="4284724"/>
          </a:xfrm>
          <a:prstGeom prst="roundRect">
            <a:avLst>
              <a:gd name="adj" fmla="val 7734"/>
            </a:avLst>
          </a:prstGeom>
          <a:solidFill>
            <a:sysClr val="window" lastClr="FFFFFF"/>
          </a:solidFill>
          <a:ln w="25400">
            <a:solidFill>
              <a:srgbClr val="90C221"/>
            </a:solidFill>
          </a:ln>
          <a:effec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srgbClr val="000000"/>
              </a:solidFill>
              <a:effectLst/>
              <a:uLnTx/>
              <a:uFillTx/>
            </a:endParaRPr>
          </a:p>
        </p:txBody>
      </p:sp>
      <p:sp>
        <p:nvSpPr>
          <p:cNvPr id="50" name="Right Arrow 73">
            <a:extLst>
              <a:ext uri="{FF2B5EF4-FFF2-40B4-BE49-F238E27FC236}">
                <a16:creationId xmlns:a16="http://schemas.microsoft.com/office/drawing/2014/main" id="{984FACD5-C65E-44A9-AF55-66E93EBAB995}"/>
              </a:ext>
            </a:extLst>
          </p:cNvPr>
          <p:cNvSpPr/>
          <p:nvPr/>
        </p:nvSpPr>
        <p:spPr>
          <a:xfrm>
            <a:off x="6197924" y="2151148"/>
            <a:ext cx="1897453" cy="864096"/>
          </a:xfrm>
          <a:prstGeom prst="rightArrow">
            <a:avLst>
              <a:gd name="adj1" fmla="val 65118"/>
              <a:gd name="adj2" fmla="val 84615"/>
            </a:avLst>
          </a:prstGeom>
          <a:solidFill>
            <a:srgbClr val="90C221"/>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dirty="0">
              <a:ln>
                <a:noFill/>
              </a:ln>
              <a:solidFill>
                <a:prstClr val="white"/>
              </a:solidFill>
              <a:effectLst/>
              <a:uLnTx/>
              <a:uFillTx/>
              <a:latin typeface="Arial"/>
              <a:cs typeface="+mn-cs"/>
            </a:endParaRPr>
          </a:p>
        </p:txBody>
      </p:sp>
      <p:sp>
        <p:nvSpPr>
          <p:cNvPr id="51" name="TextBox 1308">
            <a:extLst>
              <a:ext uri="{FF2B5EF4-FFF2-40B4-BE49-F238E27FC236}">
                <a16:creationId xmlns:a16="http://schemas.microsoft.com/office/drawing/2014/main" id="{A03EA2B9-A904-48F1-8BDD-0025DAD97A8A}"/>
              </a:ext>
            </a:extLst>
          </p:cNvPr>
          <p:cNvSpPr txBox="1"/>
          <p:nvPr/>
        </p:nvSpPr>
        <p:spPr>
          <a:xfrm>
            <a:off x="6113627" y="2327823"/>
            <a:ext cx="1751998" cy="523220"/>
          </a:xfrm>
          <a:prstGeom prst="rect">
            <a:avLst/>
          </a:prstGeom>
          <a:noFill/>
        </p:spPr>
        <p:txBody>
          <a:bodyPr wrap="square" rtlCol="0">
            <a:spAutoFit/>
          </a:bodyPr>
          <a:lstStyle/>
          <a:p>
            <a:pPr algn="ctr"/>
            <a:r>
              <a:rPr lang="en-US" altLang="ko-KR" sz="2800" b="1" dirty="0">
                <a:solidFill>
                  <a:prstClr val="white"/>
                </a:solidFill>
                <a:cs typeface="Arial" pitchFamily="34" charset="0"/>
              </a:rPr>
              <a:t>3</a:t>
            </a:r>
            <a:r>
              <a:rPr lang="tr-TR" altLang="ko-KR" sz="2800" b="1" dirty="0">
                <a:solidFill>
                  <a:prstClr val="white"/>
                </a:solidFill>
                <a:cs typeface="Arial" pitchFamily="34" charset="0"/>
              </a:rPr>
              <a:t>. Tövbe</a:t>
            </a:r>
            <a:endParaRPr lang="ko-KR" altLang="en-US" sz="2800" b="1" dirty="0">
              <a:solidFill>
                <a:prstClr val="white"/>
              </a:solidFill>
              <a:cs typeface="Arial" pitchFamily="34" charset="0"/>
            </a:endParaRPr>
          </a:p>
        </p:txBody>
      </p:sp>
      <p:sp>
        <p:nvSpPr>
          <p:cNvPr id="52" name="Rounded Rectangle 78">
            <a:extLst>
              <a:ext uri="{FF2B5EF4-FFF2-40B4-BE49-F238E27FC236}">
                <a16:creationId xmlns:a16="http://schemas.microsoft.com/office/drawing/2014/main" id="{C64E730A-5766-499D-A4F9-D94262133F1C}"/>
              </a:ext>
            </a:extLst>
          </p:cNvPr>
          <p:cNvSpPr/>
          <p:nvPr/>
        </p:nvSpPr>
        <p:spPr>
          <a:xfrm>
            <a:off x="8878394" y="1970880"/>
            <a:ext cx="2152726" cy="4284724"/>
          </a:xfrm>
          <a:prstGeom prst="roundRect">
            <a:avLst>
              <a:gd name="adj" fmla="val 7734"/>
            </a:avLst>
          </a:prstGeom>
          <a:solidFill>
            <a:sysClr val="window" lastClr="FFFFFF"/>
          </a:solidFill>
          <a:ln w="25400">
            <a:solidFill>
              <a:srgbClr val="FBA200"/>
            </a:solidFill>
          </a:ln>
          <a:effec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a:ln>
                <a:noFill/>
              </a:ln>
              <a:solidFill>
                <a:srgbClr val="000000"/>
              </a:solidFill>
              <a:effectLst/>
              <a:uLnTx/>
              <a:uFillTx/>
            </a:endParaRPr>
          </a:p>
        </p:txBody>
      </p:sp>
      <p:sp>
        <p:nvSpPr>
          <p:cNvPr id="56" name="Right Arrow 80">
            <a:extLst>
              <a:ext uri="{FF2B5EF4-FFF2-40B4-BE49-F238E27FC236}">
                <a16:creationId xmlns:a16="http://schemas.microsoft.com/office/drawing/2014/main" id="{5FE52673-DCE9-4753-A2CF-01AA0A9D862A}"/>
              </a:ext>
            </a:extLst>
          </p:cNvPr>
          <p:cNvSpPr/>
          <p:nvPr/>
        </p:nvSpPr>
        <p:spPr>
          <a:xfrm>
            <a:off x="8858169" y="2059976"/>
            <a:ext cx="2019455" cy="1093441"/>
          </a:xfrm>
          <a:prstGeom prst="rightArrow">
            <a:avLst>
              <a:gd name="adj1" fmla="val 65118"/>
              <a:gd name="adj2" fmla="val 84615"/>
            </a:avLst>
          </a:prstGeom>
          <a:solidFill>
            <a:srgbClr val="FBA200"/>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ko-KR" altLang="en-US" sz="2700" b="0" i="0" u="none" strike="noStrike" kern="0" cap="none" spc="0" normalizeH="0" baseline="0" noProof="0" dirty="0">
              <a:ln>
                <a:noFill/>
              </a:ln>
              <a:solidFill>
                <a:prstClr val="white"/>
              </a:solidFill>
              <a:effectLst/>
              <a:uLnTx/>
              <a:uFillTx/>
              <a:latin typeface="Arial"/>
              <a:cs typeface="+mn-cs"/>
            </a:endParaRPr>
          </a:p>
        </p:txBody>
      </p:sp>
      <p:sp>
        <p:nvSpPr>
          <p:cNvPr id="57" name="TextBox 1314">
            <a:extLst>
              <a:ext uri="{FF2B5EF4-FFF2-40B4-BE49-F238E27FC236}">
                <a16:creationId xmlns:a16="http://schemas.microsoft.com/office/drawing/2014/main" id="{CEF857E9-1281-45B5-BAB0-610E261126A2}"/>
              </a:ext>
            </a:extLst>
          </p:cNvPr>
          <p:cNvSpPr txBox="1"/>
          <p:nvPr/>
        </p:nvSpPr>
        <p:spPr>
          <a:xfrm>
            <a:off x="8623119" y="2173934"/>
            <a:ext cx="1879186" cy="830997"/>
          </a:xfrm>
          <a:prstGeom prst="rect">
            <a:avLst/>
          </a:prstGeom>
          <a:noFill/>
        </p:spPr>
        <p:txBody>
          <a:bodyPr wrap="square" rtlCol="0">
            <a:spAutoFit/>
          </a:bodyPr>
          <a:lstStyle/>
          <a:p>
            <a:pPr algn="ctr"/>
            <a:r>
              <a:rPr lang="en-US" altLang="ko-KR" sz="2400" b="1" dirty="0">
                <a:solidFill>
                  <a:prstClr val="white"/>
                </a:solidFill>
                <a:cs typeface="Arial" pitchFamily="34" charset="0"/>
              </a:rPr>
              <a:t>4</a:t>
            </a:r>
            <a:r>
              <a:rPr lang="tr-TR" altLang="ko-KR" sz="2400" b="1" dirty="0">
                <a:solidFill>
                  <a:prstClr val="white"/>
                </a:solidFill>
                <a:cs typeface="Arial" pitchFamily="34" charset="0"/>
              </a:rPr>
              <a:t>. Kuran Okumak</a:t>
            </a:r>
            <a:endParaRPr lang="ko-KR" altLang="en-US" sz="2400" b="1" dirty="0">
              <a:solidFill>
                <a:prstClr val="white"/>
              </a:solidFill>
              <a:cs typeface="Arial" pitchFamily="34" charset="0"/>
            </a:endParaRPr>
          </a:p>
        </p:txBody>
      </p:sp>
      <p:sp>
        <p:nvSpPr>
          <p:cNvPr id="62" name="Dikdörtgen 61"/>
          <p:cNvSpPr/>
          <p:nvPr/>
        </p:nvSpPr>
        <p:spPr>
          <a:xfrm>
            <a:off x="11031120" y="0"/>
            <a:ext cx="1160880" cy="584617"/>
          </a:xfrm>
          <a:prstGeom prst="rect">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sz="2400" dirty="0">
                <a:solidFill>
                  <a:schemeClr val="tx1"/>
                </a:solidFill>
              </a:rPr>
              <a:t>Özet</a:t>
            </a:r>
          </a:p>
        </p:txBody>
      </p:sp>
      <p:sp>
        <p:nvSpPr>
          <p:cNvPr id="63" name="Dikdörtgen 62"/>
          <p:cNvSpPr/>
          <p:nvPr/>
        </p:nvSpPr>
        <p:spPr>
          <a:xfrm>
            <a:off x="836986" y="3395632"/>
            <a:ext cx="2152726" cy="1631216"/>
          </a:xfrm>
          <a:prstGeom prst="rect">
            <a:avLst/>
          </a:prstGeom>
        </p:spPr>
        <p:txBody>
          <a:bodyPr wrap="square">
            <a:spAutoFit/>
          </a:bodyPr>
          <a:lstStyle/>
          <a:p>
            <a:pPr algn="ctr"/>
            <a:r>
              <a:rPr lang="tr-TR" sz="2000" dirty="0"/>
              <a:t>Kulun isteklerini Allah’a arz ederek O’nun lütuf ve yardımını dilemesidir.</a:t>
            </a:r>
          </a:p>
        </p:txBody>
      </p:sp>
      <p:sp>
        <p:nvSpPr>
          <p:cNvPr id="64" name="Dikdörtgen 63"/>
          <p:cNvSpPr/>
          <p:nvPr/>
        </p:nvSpPr>
        <p:spPr>
          <a:xfrm>
            <a:off x="3517454" y="3207986"/>
            <a:ext cx="2152726" cy="2246769"/>
          </a:xfrm>
          <a:prstGeom prst="rect">
            <a:avLst/>
          </a:prstGeom>
        </p:spPr>
        <p:txBody>
          <a:bodyPr wrap="square">
            <a:spAutoFit/>
          </a:bodyPr>
          <a:lstStyle/>
          <a:p>
            <a:pPr algn="ctr"/>
            <a:r>
              <a:rPr lang="tr-TR" sz="2000" dirty="0"/>
              <a:t>Kulun Allah’a karşı sevgi, saygı ve bağlılığını gösteren duygu, düşünce ve davranış biçimleridir.</a:t>
            </a:r>
          </a:p>
        </p:txBody>
      </p:sp>
      <p:sp>
        <p:nvSpPr>
          <p:cNvPr id="65" name="Dikdörtgen 64"/>
          <p:cNvSpPr/>
          <p:nvPr/>
        </p:nvSpPr>
        <p:spPr>
          <a:xfrm>
            <a:off x="6058726" y="3252461"/>
            <a:ext cx="2291924" cy="2862322"/>
          </a:xfrm>
          <a:prstGeom prst="rect">
            <a:avLst/>
          </a:prstGeom>
        </p:spPr>
        <p:txBody>
          <a:bodyPr wrap="square">
            <a:spAutoFit/>
          </a:bodyPr>
          <a:lstStyle/>
          <a:p>
            <a:pPr algn="ctr"/>
            <a:r>
              <a:rPr lang="tr-TR" sz="2000" dirty="0"/>
              <a:t>İnsanın işlediği herhangi bir günah veya suçlardan dolayı pişmanlık duyarak Allah’tan af ve özür dilemesi. daha yapmamaya karar vermesi</a:t>
            </a:r>
          </a:p>
        </p:txBody>
      </p:sp>
      <p:sp>
        <p:nvSpPr>
          <p:cNvPr id="66" name="Dikdörtgen 65"/>
          <p:cNvSpPr/>
          <p:nvPr/>
        </p:nvSpPr>
        <p:spPr>
          <a:xfrm>
            <a:off x="8808830" y="3297634"/>
            <a:ext cx="2291854" cy="1631216"/>
          </a:xfrm>
          <a:prstGeom prst="rect">
            <a:avLst/>
          </a:prstGeom>
        </p:spPr>
        <p:txBody>
          <a:bodyPr wrap="square">
            <a:spAutoFit/>
          </a:bodyPr>
          <a:lstStyle/>
          <a:p>
            <a:pPr algn="ctr"/>
            <a:r>
              <a:rPr lang="tr-TR" sz="2000" dirty="0"/>
              <a:t>Kur’an ayetlerini okumak müminin Rabbiyle irtibatını pekiştirir ve inancını arttırır.</a:t>
            </a:r>
          </a:p>
        </p:txBody>
      </p:sp>
    </p:spTree>
    <p:custDataLst>
      <p:tags r:id="rId1"/>
    </p:custDataLst>
    <p:extLst>
      <p:ext uri="{BB962C8B-B14F-4D97-AF65-F5344CB8AC3E}">
        <p14:creationId xmlns:p14="http://schemas.microsoft.com/office/powerpoint/2010/main" val="167957340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34"/>
                                        </p:tgtEl>
                                        <p:attrNameLst>
                                          <p:attrName>style.visibility</p:attrName>
                                        </p:attrNameLst>
                                      </p:cBhvr>
                                      <p:to>
                                        <p:strVal val="visible"/>
                                      </p:to>
                                    </p:set>
                                    <p:animEffect transition="in" filter="wipe(down)">
                                      <p:cBhvr>
                                        <p:cTn id="7" dur="500"/>
                                        <p:tgtEl>
                                          <p:spTgt spid="34"/>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38"/>
                                        </p:tgtEl>
                                        <p:attrNameLst>
                                          <p:attrName>style.visibility</p:attrName>
                                        </p:attrNameLst>
                                      </p:cBhvr>
                                      <p:to>
                                        <p:strVal val="visible"/>
                                      </p:to>
                                    </p:set>
                                    <p:animEffect transition="in" filter="wipe(down)">
                                      <p:cBhvr>
                                        <p:cTn id="10" dur="500"/>
                                        <p:tgtEl>
                                          <p:spTgt spid="38"/>
                                        </p:tgtEl>
                                      </p:cBhvr>
                                    </p:animEffect>
                                  </p:childTnLst>
                                </p:cTn>
                              </p:par>
                            </p:childTnLst>
                          </p:cTn>
                        </p:par>
                        <p:par>
                          <p:cTn id="11" fill="hold">
                            <p:stCondLst>
                              <p:cond delay="500"/>
                            </p:stCondLst>
                            <p:childTnLst>
                              <p:par>
                                <p:cTn id="12" presetID="22" presetClass="entr" presetSubtype="4" fill="hold" grpId="0" nodeType="afterEffect">
                                  <p:stCondLst>
                                    <p:cond delay="0"/>
                                  </p:stCondLst>
                                  <p:childTnLst>
                                    <p:set>
                                      <p:cBhvr>
                                        <p:cTn id="13" dur="1" fill="hold">
                                          <p:stCondLst>
                                            <p:cond delay="0"/>
                                          </p:stCondLst>
                                        </p:cTn>
                                        <p:tgtEl>
                                          <p:spTgt spid="39"/>
                                        </p:tgtEl>
                                        <p:attrNameLst>
                                          <p:attrName>style.visibility</p:attrName>
                                        </p:attrNameLst>
                                      </p:cBhvr>
                                      <p:to>
                                        <p:strVal val="visible"/>
                                      </p:to>
                                    </p:set>
                                    <p:animEffect transition="in" filter="wipe(down)">
                                      <p:cBhvr>
                                        <p:cTn id="14" dur="500"/>
                                        <p:tgtEl>
                                          <p:spTgt spid="39"/>
                                        </p:tgtEl>
                                      </p:cBhvr>
                                    </p:animEffect>
                                  </p:childTnLst>
                                </p:cTn>
                              </p:par>
                            </p:childTnLst>
                          </p:cTn>
                        </p:par>
                      </p:childTnLst>
                    </p:cTn>
                  </p:par>
                  <p:par>
                    <p:cTn id="15" fill="hold">
                      <p:stCondLst>
                        <p:cond delay="indefinite"/>
                      </p:stCondLst>
                      <p:childTnLst>
                        <p:par>
                          <p:cTn id="16" fill="hold">
                            <p:stCondLst>
                              <p:cond delay="0"/>
                            </p:stCondLst>
                            <p:childTnLst>
                              <p:par>
                                <p:cTn id="17" presetID="22" presetClass="entr" presetSubtype="4" fill="hold" grpId="0" nodeType="clickEffect">
                                  <p:stCondLst>
                                    <p:cond delay="0"/>
                                  </p:stCondLst>
                                  <p:childTnLst>
                                    <p:set>
                                      <p:cBhvr>
                                        <p:cTn id="18" dur="1" fill="hold">
                                          <p:stCondLst>
                                            <p:cond delay="0"/>
                                          </p:stCondLst>
                                        </p:cTn>
                                        <p:tgtEl>
                                          <p:spTgt spid="40"/>
                                        </p:tgtEl>
                                        <p:attrNameLst>
                                          <p:attrName>style.visibility</p:attrName>
                                        </p:attrNameLst>
                                      </p:cBhvr>
                                      <p:to>
                                        <p:strVal val="visible"/>
                                      </p:to>
                                    </p:set>
                                    <p:animEffect transition="in" filter="wipe(down)">
                                      <p:cBhvr>
                                        <p:cTn id="19" dur="500"/>
                                        <p:tgtEl>
                                          <p:spTgt spid="40"/>
                                        </p:tgtEl>
                                      </p:cBhvr>
                                    </p:animEffect>
                                  </p:childTnLst>
                                </p:cTn>
                              </p:par>
                              <p:par>
                                <p:cTn id="20" presetID="22" presetClass="entr" presetSubtype="8" fill="hold" grpId="0" nodeType="withEffect">
                                  <p:stCondLst>
                                    <p:cond delay="0"/>
                                  </p:stCondLst>
                                  <p:childTnLst>
                                    <p:set>
                                      <p:cBhvr>
                                        <p:cTn id="21" dur="1" fill="hold">
                                          <p:stCondLst>
                                            <p:cond delay="0"/>
                                          </p:stCondLst>
                                        </p:cTn>
                                        <p:tgtEl>
                                          <p:spTgt spid="44"/>
                                        </p:tgtEl>
                                        <p:attrNameLst>
                                          <p:attrName>style.visibility</p:attrName>
                                        </p:attrNameLst>
                                      </p:cBhvr>
                                      <p:to>
                                        <p:strVal val="visible"/>
                                      </p:to>
                                    </p:set>
                                    <p:animEffect transition="in" filter="wipe(left)">
                                      <p:cBhvr>
                                        <p:cTn id="22" dur="500"/>
                                        <p:tgtEl>
                                          <p:spTgt spid="44"/>
                                        </p:tgtEl>
                                      </p:cBhvr>
                                    </p:animEffect>
                                  </p:childTnLst>
                                </p:cTn>
                              </p:par>
                            </p:childTnLst>
                          </p:cTn>
                        </p:par>
                        <p:par>
                          <p:cTn id="23" fill="hold">
                            <p:stCondLst>
                              <p:cond delay="500"/>
                            </p:stCondLst>
                            <p:childTnLst>
                              <p:par>
                                <p:cTn id="24" presetID="22" presetClass="entr" presetSubtype="8" fill="hold" grpId="0" nodeType="afterEffect">
                                  <p:stCondLst>
                                    <p:cond delay="0"/>
                                  </p:stCondLst>
                                  <p:childTnLst>
                                    <p:set>
                                      <p:cBhvr>
                                        <p:cTn id="25" dur="1" fill="hold">
                                          <p:stCondLst>
                                            <p:cond delay="0"/>
                                          </p:stCondLst>
                                        </p:cTn>
                                        <p:tgtEl>
                                          <p:spTgt spid="45"/>
                                        </p:tgtEl>
                                        <p:attrNameLst>
                                          <p:attrName>style.visibility</p:attrName>
                                        </p:attrNameLst>
                                      </p:cBhvr>
                                      <p:to>
                                        <p:strVal val="visible"/>
                                      </p:to>
                                    </p:set>
                                    <p:animEffect transition="in" filter="wipe(left)">
                                      <p:cBhvr>
                                        <p:cTn id="26" dur="500"/>
                                        <p:tgtEl>
                                          <p:spTgt spid="45"/>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4" fill="hold" grpId="0" nodeType="clickEffect">
                                  <p:stCondLst>
                                    <p:cond delay="0"/>
                                  </p:stCondLst>
                                  <p:childTnLst>
                                    <p:set>
                                      <p:cBhvr>
                                        <p:cTn id="30" dur="1" fill="hold">
                                          <p:stCondLst>
                                            <p:cond delay="0"/>
                                          </p:stCondLst>
                                        </p:cTn>
                                        <p:tgtEl>
                                          <p:spTgt spid="46"/>
                                        </p:tgtEl>
                                        <p:attrNameLst>
                                          <p:attrName>style.visibility</p:attrName>
                                        </p:attrNameLst>
                                      </p:cBhvr>
                                      <p:to>
                                        <p:strVal val="visible"/>
                                      </p:to>
                                    </p:set>
                                    <p:animEffect transition="in" filter="wipe(down)">
                                      <p:cBhvr>
                                        <p:cTn id="31" dur="500"/>
                                        <p:tgtEl>
                                          <p:spTgt spid="46"/>
                                        </p:tgtEl>
                                      </p:cBhvr>
                                    </p:animEffect>
                                  </p:childTnLst>
                                </p:cTn>
                              </p:par>
                              <p:par>
                                <p:cTn id="32" presetID="22" presetClass="entr" presetSubtype="8" fill="hold" grpId="0" nodeType="withEffect">
                                  <p:stCondLst>
                                    <p:cond delay="0"/>
                                  </p:stCondLst>
                                  <p:childTnLst>
                                    <p:set>
                                      <p:cBhvr>
                                        <p:cTn id="33" dur="1" fill="hold">
                                          <p:stCondLst>
                                            <p:cond delay="0"/>
                                          </p:stCondLst>
                                        </p:cTn>
                                        <p:tgtEl>
                                          <p:spTgt spid="50"/>
                                        </p:tgtEl>
                                        <p:attrNameLst>
                                          <p:attrName>style.visibility</p:attrName>
                                        </p:attrNameLst>
                                      </p:cBhvr>
                                      <p:to>
                                        <p:strVal val="visible"/>
                                      </p:to>
                                    </p:set>
                                    <p:animEffect transition="in" filter="wipe(left)">
                                      <p:cBhvr>
                                        <p:cTn id="34" dur="500"/>
                                        <p:tgtEl>
                                          <p:spTgt spid="50"/>
                                        </p:tgtEl>
                                      </p:cBhvr>
                                    </p:animEffect>
                                  </p:childTnLst>
                                </p:cTn>
                              </p:par>
                            </p:childTnLst>
                          </p:cTn>
                        </p:par>
                        <p:par>
                          <p:cTn id="35" fill="hold">
                            <p:stCondLst>
                              <p:cond delay="500"/>
                            </p:stCondLst>
                            <p:childTnLst>
                              <p:par>
                                <p:cTn id="36" presetID="22" presetClass="entr" presetSubtype="8" fill="hold" grpId="0" nodeType="afterEffect">
                                  <p:stCondLst>
                                    <p:cond delay="0"/>
                                  </p:stCondLst>
                                  <p:childTnLst>
                                    <p:set>
                                      <p:cBhvr>
                                        <p:cTn id="37" dur="1" fill="hold">
                                          <p:stCondLst>
                                            <p:cond delay="0"/>
                                          </p:stCondLst>
                                        </p:cTn>
                                        <p:tgtEl>
                                          <p:spTgt spid="51"/>
                                        </p:tgtEl>
                                        <p:attrNameLst>
                                          <p:attrName>style.visibility</p:attrName>
                                        </p:attrNameLst>
                                      </p:cBhvr>
                                      <p:to>
                                        <p:strVal val="visible"/>
                                      </p:to>
                                    </p:set>
                                    <p:animEffect transition="in" filter="wipe(left)">
                                      <p:cBhvr>
                                        <p:cTn id="38" dur="500"/>
                                        <p:tgtEl>
                                          <p:spTgt spid="51"/>
                                        </p:tgtEl>
                                      </p:cBhvr>
                                    </p:animEffect>
                                  </p:childTnLst>
                                </p:cTn>
                              </p:par>
                            </p:childTnLst>
                          </p:cTn>
                        </p:par>
                      </p:childTnLst>
                    </p:cTn>
                  </p:par>
                  <p:par>
                    <p:cTn id="39" fill="hold">
                      <p:stCondLst>
                        <p:cond delay="indefinite"/>
                      </p:stCondLst>
                      <p:childTnLst>
                        <p:par>
                          <p:cTn id="40" fill="hold">
                            <p:stCondLst>
                              <p:cond delay="0"/>
                            </p:stCondLst>
                            <p:childTnLst>
                              <p:par>
                                <p:cTn id="41" presetID="22" presetClass="entr" presetSubtype="4" fill="hold" grpId="0" nodeType="clickEffect">
                                  <p:stCondLst>
                                    <p:cond delay="0"/>
                                  </p:stCondLst>
                                  <p:childTnLst>
                                    <p:set>
                                      <p:cBhvr>
                                        <p:cTn id="42" dur="1" fill="hold">
                                          <p:stCondLst>
                                            <p:cond delay="0"/>
                                          </p:stCondLst>
                                        </p:cTn>
                                        <p:tgtEl>
                                          <p:spTgt spid="52"/>
                                        </p:tgtEl>
                                        <p:attrNameLst>
                                          <p:attrName>style.visibility</p:attrName>
                                        </p:attrNameLst>
                                      </p:cBhvr>
                                      <p:to>
                                        <p:strVal val="visible"/>
                                      </p:to>
                                    </p:set>
                                    <p:animEffect transition="in" filter="wipe(down)">
                                      <p:cBhvr>
                                        <p:cTn id="43" dur="500"/>
                                        <p:tgtEl>
                                          <p:spTgt spid="52"/>
                                        </p:tgtEl>
                                      </p:cBhvr>
                                    </p:animEffect>
                                  </p:childTnLst>
                                </p:cTn>
                              </p:par>
                              <p:par>
                                <p:cTn id="44" presetID="22" presetClass="entr" presetSubtype="8" fill="hold" grpId="0" nodeType="withEffect">
                                  <p:stCondLst>
                                    <p:cond delay="0"/>
                                  </p:stCondLst>
                                  <p:childTnLst>
                                    <p:set>
                                      <p:cBhvr>
                                        <p:cTn id="45" dur="1" fill="hold">
                                          <p:stCondLst>
                                            <p:cond delay="0"/>
                                          </p:stCondLst>
                                        </p:cTn>
                                        <p:tgtEl>
                                          <p:spTgt spid="56"/>
                                        </p:tgtEl>
                                        <p:attrNameLst>
                                          <p:attrName>style.visibility</p:attrName>
                                        </p:attrNameLst>
                                      </p:cBhvr>
                                      <p:to>
                                        <p:strVal val="visible"/>
                                      </p:to>
                                    </p:set>
                                    <p:animEffect transition="in" filter="wipe(left)">
                                      <p:cBhvr>
                                        <p:cTn id="46" dur="500"/>
                                        <p:tgtEl>
                                          <p:spTgt spid="56"/>
                                        </p:tgtEl>
                                      </p:cBhvr>
                                    </p:animEffect>
                                  </p:childTnLst>
                                </p:cTn>
                              </p:par>
                            </p:childTnLst>
                          </p:cTn>
                        </p:par>
                        <p:par>
                          <p:cTn id="47" fill="hold">
                            <p:stCondLst>
                              <p:cond delay="500"/>
                            </p:stCondLst>
                            <p:childTnLst>
                              <p:par>
                                <p:cTn id="48" presetID="22" presetClass="entr" presetSubtype="4" fill="hold" grpId="0" nodeType="afterEffect">
                                  <p:stCondLst>
                                    <p:cond delay="0"/>
                                  </p:stCondLst>
                                  <p:childTnLst>
                                    <p:set>
                                      <p:cBhvr>
                                        <p:cTn id="49" dur="1" fill="hold">
                                          <p:stCondLst>
                                            <p:cond delay="0"/>
                                          </p:stCondLst>
                                        </p:cTn>
                                        <p:tgtEl>
                                          <p:spTgt spid="57"/>
                                        </p:tgtEl>
                                        <p:attrNameLst>
                                          <p:attrName>style.visibility</p:attrName>
                                        </p:attrNameLst>
                                      </p:cBhvr>
                                      <p:to>
                                        <p:strVal val="visible"/>
                                      </p:to>
                                    </p:set>
                                    <p:animEffect transition="in" filter="wipe(down)">
                                      <p:cBhvr>
                                        <p:cTn id="50" dur="500"/>
                                        <p:tgtEl>
                                          <p:spTgt spid="57"/>
                                        </p:tgtEl>
                                      </p:cBhvr>
                                    </p:animEffect>
                                  </p:childTnLst>
                                </p:cTn>
                              </p:par>
                            </p:childTnLst>
                          </p:cTn>
                        </p:par>
                      </p:childTnLst>
                    </p:cTn>
                  </p:par>
                  <p:par>
                    <p:cTn id="51" fill="hold">
                      <p:stCondLst>
                        <p:cond delay="indefinite"/>
                      </p:stCondLst>
                      <p:childTnLst>
                        <p:par>
                          <p:cTn id="52" fill="hold">
                            <p:stCondLst>
                              <p:cond delay="0"/>
                            </p:stCondLst>
                            <p:childTnLst>
                              <p:par>
                                <p:cTn id="53" presetID="22" presetClass="entr" presetSubtype="8" fill="hold" grpId="0" nodeType="clickEffect">
                                  <p:stCondLst>
                                    <p:cond delay="0"/>
                                  </p:stCondLst>
                                  <p:childTnLst>
                                    <p:set>
                                      <p:cBhvr>
                                        <p:cTn id="54" dur="1" fill="hold">
                                          <p:stCondLst>
                                            <p:cond delay="0"/>
                                          </p:stCondLst>
                                        </p:cTn>
                                        <p:tgtEl>
                                          <p:spTgt spid="63"/>
                                        </p:tgtEl>
                                        <p:attrNameLst>
                                          <p:attrName>style.visibility</p:attrName>
                                        </p:attrNameLst>
                                      </p:cBhvr>
                                      <p:to>
                                        <p:strVal val="visible"/>
                                      </p:to>
                                    </p:set>
                                    <p:animEffect transition="in" filter="wipe(left)">
                                      <p:cBhvr>
                                        <p:cTn id="55" dur="500"/>
                                        <p:tgtEl>
                                          <p:spTgt spid="63"/>
                                        </p:tgtEl>
                                      </p:cBhvr>
                                    </p:animEffect>
                                  </p:childTnLst>
                                </p:cTn>
                              </p:par>
                            </p:childTnLst>
                          </p:cTn>
                        </p:par>
                      </p:childTnLst>
                    </p:cTn>
                  </p:par>
                  <p:par>
                    <p:cTn id="56" fill="hold">
                      <p:stCondLst>
                        <p:cond delay="indefinite"/>
                      </p:stCondLst>
                      <p:childTnLst>
                        <p:par>
                          <p:cTn id="57" fill="hold">
                            <p:stCondLst>
                              <p:cond delay="0"/>
                            </p:stCondLst>
                            <p:childTnLst>
                              <p:par>
                                <p:cTn id="58" presetID="22" presetClass="entr" presetSubtype="8" fill="hold" grpId="0" nodeType="clickEffect">
                                  <p:stCondLst>
                                    <p:cond delay="0"/>
                                  </p:stCondLst>
                                  <p:childTnLst>
                                    <p:set>
                                      <p:cBhvr>
                                        <p:cTn id="59" dur="1" fill="hold">
                                          <p:stCondLst>
                                            <p:cond delay="0"/>
                                          </p:stCondLst>
                                        </p:cTn>
                                        <p:tgtEl>
                                          <p:spTgt spid="64"/>
                                        </p:tgtEl>
                                        <p:attrNameLst>
                                          <p:attrName>style.visibility</p:attrName>
                                        </p:attrNameLst>
                                      </p:cBhvr>
                                      <p:to>
                                        <p:strVal val="visible"/>
                                      </p:to>
                                    </p:set>
                                    <p:animEffect transition="in" filter="wipe(left)">
                                      <p:cBhvr>
                                        <p:cTn id="60" dur="500"/>
                                        <p:tgtEl>
                                          <p:spTgt spid="64"/>
                                        </p:tgtEl>
                                      </p:cBhvr>
                                    </p:animEffect>
                                  </p:childTnLst>
                                </p:cTn>
                              </p:par>
                            </p:childTnLst>
                          </p:cTn>
                        </p:par>
                      </p:childTnLst>
                    </p:cTn>
                  </p:par>
                  <p:par>
                    <p:cTn id="61" fill="hold">
                      <p:stCondLst>
                        <p:cond delay="indefinite"/>
                      </p:stCondLst>
                      <p:childTnLst>
                        <p:par>
                          <p:cTn id="62" fill="hold">
                            <p:stCondLst>
                              <p:cond delay="0"/>
                            </p:stCondLst>
                            <p:childTnLst>
                              <p:par>
                                <p:cTn id="63" presetID="22" presetClass="entr" presetSubtype="8" fill="hold" grpId="0" nodeType="clickEffect">
                                  <p:stCondLst>
                                    <p:cond delay="0"/>
                                  </p:stCondLst>
                                  <p:childTnLst>
                                    <p:set>
                                      <p:cBhvr>
                                        <p:cTn id="64" dur="1" fill="hold">
                                          <p:stCondLst>
                                            <p:cond delay="0"/>
                                          </p:stCondLst>
                                        </p:cTn>
                                        <p:tgtEl>
                                          <p:spTgt spid="65"/>
                                        </p:tgtEl>
                                        <p:attrNameLst>
                                          <p:attrName>style.visibility</p:attrName>
                                        </p:attrNameLst>
                                      </p:cBhvr>
                                      <p:to>
                                        <p:strVal val="visible"/>
                                      </p:to>
                                    </p:set>
                                    <p:animEffect transition="in" filter="wipe(left)">
                                      <p:cBhvr>
                                        <p:cTn id="65" dur="500"/>
                                        <p:tgtEl>
                                          <p:spTgt spid="65"/>
                                        </p:tgtEl>
                                      </p:cBhvr>
                                    </p:animEffect>
                                  </p:childTnLst>
                                </p:cTn>
                              </p:par>
                            </p:childTnLst>
                          </p:cTn>
                        </p:par>
                      </p:childTnLst>
                    </p:cTn>
                  </p:par>
                  <p:par>
                    <p:cTn id="66" fill="hold">
                      <p:stCondLst>
                        <p:cond delay="indefinite"/>
                      </p:stCondLst>
                      <p:childTnLst>
                        <p:par>
                          <p:cTn id="67" fill="hold">
                            <p:stCondLst>
                              <p:cond delay="0"/>
                            </p:stCondLst>
                            <p:childTnLst>
                              <p:par>
                                <p:cTn id="68" presetID="22" presetClass="entr" presetSubtype="8" fill="hold" grpId="0" nodeType="clickEffect">
                                  <p:stCondLst>
                                    <p:cond delay="0"/>
                                  </p:stCondLst>
                                  <p:childTnLst>
                                    <p:set>
                                      <p:cBhvr>
                                        <p:cTn id="69" dur="1" fill="hold">
                                          <p:stCondLst>
                                            <p:cond delay="0"/>
                                          </p:stCondLst>
                                        </p:cTn>
                                        <p:tgtEl>
                                          <p:spTgt spid="66"/>
                                        </p:tgtEl>
                                        <p:attrNameLst>
                                          <p:attrName>style.visibility</p:attrName>
                                        </p:attrNameLst>
                                      </p:cBhvr>
                                      <p:to>
                                        <p:strVal val="visible"/>
                                      </p:to>
                                    </p:set>
                                    <p:animEffect transition="in" filter="wipe(left)">
                                      <p:cBhvr>
                                        <p:cTn id="70" dur="500"/>
                                        <p:tgtEl>
                                          <p:spTgt spid="6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4" grpId="0" animBg="1"/>
      <p:bldP spid="38" grpId="0" animBg="1"/>
      <p:bldP spid="39" grpId="0"/>
      <p:bldP spid="40" grpId="0" animBg="1"/>
      <p:bldP spid="44" grpId="0" animBg="1"/>
      <p:bldP spid="45" grpId="0"/>
      <p:bldP spid="46" grpId="0" animBg="1"/>
      <p:bldP spid="50" grpId="0" animBg="1"/>
      <p:bldP spid="51" grpId="0"/>
      <p:bldP spid="52" grpId="0" animBg="1"/>
      <p:bldP spid="56" grpId="0" animBg="1"/>
      <p:bldP spid="57" grpId="0"/>
      <p:bldP spid="63" grpId="0"/>
      <p:bldP spid="64" grpId="0"/>
      <p:bldP spid="65" grpId="0"/>
      <p:bldP spid="66" grpId="0"/>
    </p:bld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Yuvarlatılmış Dikdörtgen 4">
            <a:hlinkClick r:id="rId4"/>
          </p:cNvPr>
          <p:cNvSpPr/>
          <p:nvPr/>
        </p:nvSpPr>
        <p:spPr>
          <a:xfrm>
            <a:off x="2852245" y="1802498"/>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6" name="Dikdörtgen 5"/>
          <p:cNvSpPr/>
          <p:nvPr/>
        </p:nvSpPr>
        <p:spPr>
          <a:xfrm>
            <a:off x="8330875" y="2430571"/>
            <a:ext cx="162398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 name="Yuvarlatılmış Dikdörtgen 6"/>
          <p:cNvSpPr/>
          <p:nvPr/>
        </p:nvSpPr>
        <p:spPr>
          <a:xfrm>
            <a:off x="798786" y="4099035"/>
            <a:ext cx="10510345"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dindersimateryal.com sitesinde etkinlikler ve oyunlara ulaşabilirsiniz.</a:t>
            </a:r>
          </a:p>
        </p:txBody>
      </p:sp>
    </p:spTree>
    <p:custDataLst>
      <p:tags r:id="rId1"/>
    </p:custDataLst>
    <p:extLst>
      <p:ext uri="{BB962C8B-B14F-4D97-AF65-F5344CB8AC3E}">
        <p14:creationId xmlns:p14="http://schemas.microsoft.com/office/powerpoint/2010/main" val="1865307383"/>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bg>
      <p:bgPr>
        <a:gradFill flip="none" rotWithShape="1">
          <a:gsLst>
            <a:gs pos="0">
              <a:schemeClr val="bg2"/>
            </a:gs>
            <a:gs pos="100000">
              <a:schemeClr val="bg2"/>
            </a:gs>
          </a:gsLst>
          <a:lin ang="16200000" scaled="1"/>
          <a:tileRect/>
        </a:gradFill>
        <a:effectLst/>
      </p:bgPr>
    </p:bg>
    <p:spTree>
      <p:nvGrpSpPr>
        <p:cNvPr id="1" name=""/>
        <p:cNvGrpSpPr/>
        <p:nvPr/>
      </p:nvGrpSpPr>
      <p:grpSpPr>
        <a:xfrm>
          <a:off x="0" y="0"/>
          <a:ext cx="0" cy="0"/>
          <a:chOff x="0" y="0"/>
          <a:chExt cx="0" cy="0"/>
        </a:xfrm>
      </p:grpSpPr>
      <p:sp>
        <p:nvSpPr>
          <p:cNvPr id="6" name="Dikdörtgen 5"/>
          <p:cNvSpPr/>
          <p:nvPr/>
        </p:nvSpPr>
        <p:spPr>
          <a:xfrm>
            <a:off x="9506376" y="5523309"/>
            <a:ext cx="1698225" cy="833086"/>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4" name="Yuvarlatılmış Dikdörtgen 3"/>
          <p:cNvSpPr/>
          <p:nvPr/>
        </p:nvSpPr>
        <p:spPr>
          <a:xfrm>
            <a:off x="9442206" y="28273"/>
            <a:ext cx="2717800" cy="520700"/>
          </a:xfrm>
          <a:prstGeom prst="roundRect">
            <a:avLst>
              <a:gd name="adj" fmla="val 25000"/>
            </a:avLst>
          </a:prstGeom>
          <a:solidFill>
            <a:srgbClr val="EE952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b"/>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1" i="0" u="none" strike="noStrike" kern="1200" cap="none" spc="0" normalizeH="0" baseline="0" noProof="0" dirty="0">
                <a:ln>
                  <a:noFill/>
                </a:ln>
                <a:solidFill>
                  <a:prstClr val="white"/>
                </a:solidFill>
                <a:effectLst/>
                <a:uLnTx/>
                <a:uFillTx/>
                <a:latin typeface="Calibri" panose="020F0502020204030204"/>
                <a:ea typeface="+mn-ea"/>
                <a:cs typeface="+mn-cs"/>
              </a:rPr>
              <a:t>Doğru Yanlış </a:t>
            </a:r>
          </a:p>
        </p:txBody>
      </p:sp>
      <p:sp>
        <p:nvSpPr>
          <p:cNvPr id="57" name="Serbest Form 56"/>
          <p:cNvSpPr/>
          <p:nvPr/>
        </p:nvSpPr>
        <p:spPr>
          <a:xfrm>
            <a:off x="95232" y="5512629"/>
            <a:ext cx="9418918" cy="849416"/>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defRPr/>
            </a:pPr>
            <a:r>
              <a:rPr lang="tr-TR" sz="2800" dirty="0">
                <a:solidFill>
                  <a:prstClr val="white"/>
                </a:solidFill>
              </a:rPr>
              <a:t>İstiğfar sözle; tövbe ise fiili olarak yapılan</a:t>
            </a:r>
          </a:p>
          <a:p>
            <a:pPr lvl="2">
              <a:defRPr/>
            </a:pPr>
            <a:r>
              <a:rPr lang="tr-TR" sz="2800" dirty="0">
                <a:solidFill>
                  <a:prstClr val="white"/>
                </a:solidFill>
              </a:rPr>
              <a:t>bağışlanma isteğidir.</a:t>
            </a: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 name="X"/>
          <p:cNvSpPr/>
          <p:nvPr/>
        </p:nvSpPr>
        <p:spPr>
          <a:xfrm>
            <a:off x="11220155" y="5530496"/>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 name="Onay"/>
          <p:cNvSpPr/>
          <p:nvPr/>
        </p:nvSpPr>
        <p:spPr>
          <a:xfrm>
            <a:off x="11163762" y="5426856"/>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2" name="D 1"/>
          <p:cNvSpPr/>
          <p:nvPr/>
        </p:nvSpPr>
        <p:spPr>
          <a:xfrm>
            <a:off x="9629305" y="5586331"/>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3" name="Y 1"/>
          <p:cNvSpPr/>
          <p:nvPr/>
        </p:nvSpPr>
        <p:spPr>
          <a:xfrm>
            <a:off x="10442378" y="5586331"/>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58" name="İkizkenar Üçgen 57"/>
          <p:cNvSpPr/>
          <p:nvPr/>
        </p:nvSpPr>
        <p:spPr>
          <a:xfrm rot="5400000">
            <a:off x="-2181" y="5629168"/>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6</a:t>
            </a:r>
          </a:p>
        </p:txBody>
      </p:sp>
      <p:sp>
        <p:nvSpPr>
          <p:cNvPr id="60" name="Dikdörtgen 59"/>
          <p:cNvSpPr/>
          <p:nvPr/>
        </p:nvSpPr>
        <p:spPr>
          <a:xfrm>
            <a:off x="9442206" y="2551497"/>
            <a:ext cx="1698225" cy="91851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1" name="Serbest Form 60"/>
          <p:cNvSpPr/>
          <p:nvPr/>
        </p:nvSpPr>
        <p:spPr>
          <a:xfrm>
            <a:off x="23288" y="2547579"/>
            <a:ext cx="9418918" cy="922887"/>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2" name="X 2"/>
          <p:cNvSpPr/>
          <p:nvPr/>
        </p:nvSpPr>
        <p:spPr>
          <a:xfrm>
            <a:off x="11155985" y="2626061"/>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63" name="Onay 2"/>
          <p:cNvSpPr/>
          <p:nvPr/>
        </p:nvSpPr>
        <p:spPr>
          <a:xfrm>
            <a:off x="11079908" y="2465473"/>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64" name="D 2"/>
          <p:cNvSpPr/>
          <p:nvPr/>
        </p:nvSpPr>
        <p:spPr>
          <a:xfrm>
            <a:off x="9565135" y="2708599"/>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65" name="Y 2"/>
          <p:cNvSpPr/>
          <p:nvPr/>
        </p:nvSpPr>
        <p:spPr>
          <a:xfrm>
            <a:off x="10378208" y="2708599"/>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66" name="İkizkenar Üçgen 65"/>
          <p:cNvSpPr/>
          <p:nvPr/>
        </p:nvSpPr>
        <p:spPr>
          <a:xfrm rot="5400000">
            <a:off x="-37850" y="2688601"/>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3</a:t>
            </a:r>
          </a:p>
        </p:txBody>
      </p:sp>
      <p:sp>
        <p:nvSpPr>
          <p:cNvPr id="67" name="Dikdörtgen 66"/>
          <p:cNvSpPr/>
          <p:nvPr/>
        </p:nvSpPr>
        <p:spPr>
          <a:xfrm>
            <a:off x="876371" y="2457644"/>
            <a:ext cx="8806195" cy="1077218"/>
          </a:xfrm>
          <a:prstGeom prst="rect">
            <a:avLst/>
          </a:prstGeom>
        </p:spPr>
        <p:txBody>
          <a:bodyPr wrap="square">
            <a:spAutoFit/>
          </a:bodyPr>
          <a:lstStyle/>
          <a:p>
            <a:pPr lvl="0">
              <a:defRPr/>
            </a:pPr>
            <a:r>
              <a:rPr lang="tr-TR" sz="3200" dirty="0">
                <a:solidFill>
                  <a:prstClr val="white"/>
                </a:solidFill>
              </a:rPr>
              <a:t>Dua etmek için özel ve kutsal yerlere gitmek gerekmez.</a:t>
            </a:r>
            <a:endParaRPr kumimoji="0" lang="tr-TR" sz="32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8" name="Dikdörtgen 67"/>
          <p:cNvSpPr/>
          <p:nvPr/>
        </p:nvSpPr>
        <p:spPr>
          <a:xfrm>
            <a:off x="9506376" y="1585085"/>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9" name="Serbest Form 68"/>
          <p:cNvSpPr/>
          <p:nvPr/>
        </p:nvSpPr>
        <p:spPr>
          <a:xfrm>
            <a:off x="15554" y="1597089"/>
            <a:ext cx="9523886"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0" name="X 3"/>
          <p:cNvSpPr/>
          <p:nvPr/>
        </p:nvSpPr>
        <p:spPr>
          <a:xfrm>
            <a:off x="11220155" y="1592272"/>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71" name="Onay 3"/>
          <p:cNvSpPr/>
          <p:nvPr/>
        </p:nvSpPr>
        <p:spPr>
          <a:xfrm>
            <a:off x="11163762" y="1488632"/>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72" name="D 3"/>
          <p:cNvSpPr/>
          <p:nvPr/>
        </p:nvSpPr>
        <p:spPr>
          <a:xfrm>
            <a:off x="9629305" y="1648107"/>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73" name="Y 3"/>
          <p:cNvSpPr/>
          <p:nvPr/>
        </p:nvSpPr>
        <p:spPr>
          <a:xfrm>
            <a:off x="10442378" y="1648107"/>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74" name="İkizkenar Üçgen 73"/>
          <p:cNvSpPr/>
          <p:nvPr/>
        </p:nvSpPr>
        <p:spPr>
          <a:xfrm rot="5400000">
            <a:off x="-2181" y="1653615"/>
            <a:ext cx="791999" cy="69440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2</a:t>
            </a:r>
          </a:p>
        </p:txBody>
      </p:sp>
      <p:sp>
        <p:nvSpPr>
          <p:cNvPr id="75" name="Dikdörtgen 74"/>
          <p:cNvSpPr/>
          <p:nvPr/>
        </p:nvSpPr>
        <p:spPr>
          <a:xfrm>
            <a:off x="857421" y="1703119"/>
            <a:ext cx="8844094" cy="584775"/>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white"/>
                </a:solidFill>
                <a:effectLst/>
                <a:uLnTx/>
                <a:uFillTx/>
                <a:latin typeface="Calibri" panose="020F0502020204030204"/>
                <a:ea typeface="+mn-ea"/>
                <a:cs typeface="+mn-cs"/>
              </a:rPr>
              <a:t>Tövbe sadece sözle yapılır.</a:t>
            </a:r>
            <a:endPar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4" name="Dikdörtgen 83"/>
          <p:cNvSpPr/>
          <p:nvPr/>
        </p:nvSpPr>
        <p:spPr>
          <a:xfrm>
            <a:off x="9490822" y="3636039"/>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5" name="Serbest Form 84"/>
          <p:cNvSpPr/>
          <p:nvPr/>
        </p:nvSpPr>
        <p:spPr>
          <a:xfrm>
            <a:off x="71904" y="3641638"/>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6" name="X 2"/>
          <p:cNvSpPr/>
          <p:nvPr/>
        </p:nvSpPr>
        <p:spPr>
          <a:xfrm>
            <a:off x="11204601" y="3643226"/>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87" name="Onay 2"/>
          <p:cNvSpPr/>
          <p:nvPr/>
        </p:nvSpPr>
        <p:spPr>
          <a:xfrm>
            <a:off x="11148208" y="3539586"/>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88" name="D 2"/>
          <p:cNvSpPr/>
          <p:nvPr/>
        </p:nvSpPr>
        <p:spPr>
          <a:xfrm>
            <a:off x="9613751" y="3699061"/>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89" name="Y 2"/>
          <p:cNvSpPr/>
          <p:nvPr/>
        </p:nvSpPr>
        <p:spPr>
          <a:xfrm>
            <a:off x="10426824" y="3699061"/>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90" name="İkizkenar Üçgen 89"/>
          <p:cNvSpPr/>
          <p:nvPr/>
        </p:nvSpPr>
        <p:spPr>
          <a:xfrm rot="5400000">
            <a:off x="-2180" y="3744823"/>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4</a:t>
            </a:r>
          </a:p>
        </p:txBody>
      </p:sp>
      <p:sp>
        <p:nvSpPr>
          <p:cNvPr id="99" name="Dikdörtgen 98"/>
          <p:cNvSpPr/>
          <p:nvPr/>
        </p:nvSpPr>
        <p:spPr>
          <a:xfrm>
            <a:off x="9455208" y="658191"/>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0" name="Serbest Form 99"/>
          <p:cNvSpPr/>
          <p:nvPr/>
        </p:nvSpPr>
        <p:spPr>
          <a:xfrm>
            <a:off x="36290" y="658191"/>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1" name="X 2"/>
          <p:cNvSpPr/>
          <p:nvPr/>
        </p:nvSpPr>
        <p:spPr>
          <a:xfrm>
            <a:off x="11168987" y="665378"/>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02" name="Onay 2"/>
          <p:cNvSpPr/>
          <p:nvPr/>
        </p:nvSpPr>
        <p:spPr>
          <a:xfrm>
            <a:off x="11112594" y="561738"/>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03" name="D 2"/>
          <p:cNvSpPr/>
          <p:nvPr/>
        </p:nvSpPr>
        <p:spPr>
          <a:xfrm>
            <a:off x="9578137" y="721213"/>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04" name="Y 2"/>
          <p:cNvSpPr/>
          <p:nvPr/>
        </p:nvSpPr>
        <p:spPr>
          <a:xfrm>
            <a:off x="10391210" y="721213"/>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105" name="İkizkenar Üçgen 104"/>
          <p:cNvSpPr/>
          <p:nvPr/>
        </p:nvSpPr>
        <p:spPr>
          <a:xfrm rot="5400000">
            <a:off x="-42887" y="755015"/>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1</a:t>
            </a:r>
          </a:p>
        </p:txBody>
      </p:sp>
      <p:sp>
        <p:nvSpPr>
          <p:cNvPr id="106" name="Dikdörtgen 105"/>
          <p:cNvSpPr/>
          <p:nvPr/>
        </p:nvSpPr>
        <p:spPr>
          <a:xfrm>
            <a:off x="745382" y="604309"/>
            <a:ext cx="8765332" cy="954107"/>
          </a:xfrm>
          <a:prstGeom prst="rect">
            <a:avLst/>
          </a:prstGeom>
        </p:spPr>
        <p:txBody>
          <a:bodyPr wrap="square">
            <a:spAutoFit/>
          </a:bodyPr>
          <a:lstStyle/>
          <a:p>
            <a:pPr lvl="0">
              <a:defRPr/>
            </a:pPr>
            <a:r>
              <a:rPr lang="tr-TR" sz="2800" dirty="0">
                <a:solidFill>
                  <a:prstClr val="white"/>
                </a:solidFill>
              </a:rPr>
              <a:t>İnsan hem iyilik hem de kötülük yapma kudretine sahip bir varlıktır. </a:t>
            </a:r>
            <a:endParaRPr kumimoji="0" lang="tr-TR" sz="66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7" name="Dikdörtgen 106"/>
          <p:cNvSpPr/>
          <p:nvPr/>
        </p:nvSpPr>
        <p:spPr>
          <a:xfrm>
            <a:off x="909242" y="3618502"/>
            <a:ext cx="8773324" cy="954107"/>
          </a:xfrm>
          <a:prstGeom prst="rect">
            <a:avLst/>
          </a:prstGeom>
        </p:spPr>
        <p:txBody>
          <a:bodyPr wrap="square">
            <a:spAutoFit/>
          </a:bodyPr>
          <a:lstStyle/>
          <a:p>
            <a:pPr lvl="0">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Allah’ın (</a:t>
            </a:r>
            <a:r>
              <a:rPr kumimoji="0" lang="tr-TR" sz="2800" b="0" i="0" u="none" strike="noStrike" kern="1200" cap="none" spc="0" normalizeH="0" baseline="0" noProof="0" dirty="0" err="1">
                <a:ln>
                  <a:noFill/>
                </a:ln>
                <a:solidFill>
                  <a:prstClr val="white"/>
                </a:solidFill>
                <a:effectLst/>
                <a:uLnTx/>
                <a:uFillTx/>
                <a:latin typeface="Calibri" panose="020F0502020204030204"/>
                <a:ea typeface="+mn-ea"/>
                <a:cs typeface="+mn-cs"/>
              </a:rPr>
              <a:t>c.c</a:t>
            </a: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 </a:t>
            </a:r>
            <a:r>
              <a:rPr lang="tr-TR" sz="2800" noProof="0" dirty="0">
                <a:solidFill>
                  <a:prstClr val="white"/>
                </a:solidFill>
              </a:rPr>
              <a:t>e</a:t>
            </a:r>
            <a:r>
              <a:rPr lang="tr-TR" sz="2800" dirty="0">
                <a:solidFill>
                  <a:prstClr val="white"/>
                </a:solidFill>
              </a:rPr>
              <a:t>mir ve yasaklarını hayata geçirmek amacıyla Kur’an okumaya tilavet denir.</a:t>
            </a: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3" name="Dikdörtgen 112"/>
          <p:cNvSpPr/>
          <p:nvPr/>
        </p:nvSpPr>
        <p:spPr>
          <a:xfrm>
            <a:off x="9457760" y="4560848"/>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4" name="Serbest Form 113"/>
          <p:cNvSpPr/>
          <p:nvPr/>
        </p:nvSpPr>
        <p:spPr>
          <a:xfrm>
            <a:off x="71905" y="4572852"/>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5" name="X 3"/>
          <p:cNvSpPr/>
          <p:nvPr/>
        </p:nvSpPr>
        <p:spPr>
          <a:xfrm>
            <a:off x="11171539" y="4568035"/>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6" name="Onay 3"/>
          <p:cNvSpPr/>
          <p:nvPr/>
        </p:nvSpPr>
        <p:spPr>
          <a:xfrm>
            <a:off x="11115146" y="4484376"/>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7" name="D 3"/>
          <p:cNvSpPr/>
          <p:nvPr/>
        </p:nvSpPr>
        <p:spPr>
          <a:xfrm>
            <a:off x="9580689" y="4623870"/>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18" name="Y 3"/>
          <p:cNvSpPr/>
          <p:nvPr/>
        </p:nvSpPr>
        <p:spPr>
          <a:xfrm>
            <a:off x="10393762" y="4623870"/>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119" name="İkizkenar Üçgen 118"/>
          <p:cNvSpPr/>
          <p:nvPr/>
        </p:nvSpPr>
        <p:spPr>
          <a:xfrm rot="5400000">
            <a:off x="-17734" y="4661591"/>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5</a:t>
            </a:r>
          </a:p>
        </p:txBody>
      </p:sp>
      <p:sp>
        <p:nvSpPr>
          <p:cNvPr id="5" name="Metin kutusu 4"/>
          <p:cNvSpPr txBox="1"/>
          <p:nvPr/>
        </p:nvSpPr>
        <p:spPr>
          <a:xfrm>
            <a:off x="883817" y="4686728"/>
            <a:ext cx="8513966"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Duada</a:t>
            </a:r>
            <a:r>
              <a:rPr lang="tr-TR" sz="2800" dirty="0">
                <a:solidFill>
                  <a:prstClr val="white"/>
                </a:solidFill>
                <a:latin typeface="Calibri" panose="020F0502020204030204"/>
              </a:rPr>
              <a:t> eylemler değil, insanın sözleri önemlidir.</a:t>
            </a: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50" name="Rectangle 6">
            <a:extLst>
              <a:ext uri="{FF2B5EF4-FFF2-40B4-BE49-F238E27FC236}">
                <a16:creationId xmlns:a16="http://schemas.microsoft.com/office/drawing/2014/main" id="{9007CF10-9BCC-4C67-A2C9-6EDAD53EEC34}"/>
              </a:ext>
            </a:extLst>
          </p:cNvPr>
          <p:cNvSpPr/>
          <p:nvPr/>
        </p:nvSpPr>
        <p:spPr>
          <a:xfrm>
            <a:off x="0" y="6439394"/>
            <a:ext cx="12192000" cy="388376"/>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1" name="Komut Düğmesi: Geri veya Önceki 50">
            <a:hlinkClick r:id="" action="ppaction://hlinkshowjump?jump=previousslide" highlightClick="1"/>
          </p:cNvPr>
          <p:cNvSpPr/>
          <p:nvPr/>
        </p:nvSpPr>
        <p:spPr>
          <a:xfrm>
            <a:off x="10619874" y="6439394"/>
            <a:ext cx="437317" cy="388376"/>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2" name="Komut Düğmesi: İleri veya Sonraki 51">
            <a:hlinkClick r:id="" action="ppaction://hlinkshowjump?jump=nextslide" highlightClick="1"/>
          </p:cNvPr>
          <p:cNvSpPr/>
          <p:nvPr/>
        </p:nvSpPr>
        <p:spPr>
          <a:xfrm>
            <a:off x="11743376" y="6439394"/>
            <a:ext cx="412785" cy="3723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3" name="Komut Düğmesi: Giriş 52">
            <a:hlinkClick r:id="" action="ppaction://hlinkshowjump?jump=firstslide" highlightClick="1"/>
          </p:cNvPr>
          <p:cNvSpPr/>
          <p:nvPr/>
        </p:nvSpPr>
        <p:spPr>
          <a:xfrm>
            <a:off x="11137184" y="6439394"/>
            <a:ext cx="526199" cy="3723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378717135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3"/>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remove"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1600"/>
                                        <p:tgtEl>
                                          <p:spTgt spid="10"/>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3"/>
                  </p:tgtEl>
                </p:cond>
              </p:nextCondLst>
            </p:seq>
            <p:seq concurrent="1" nextAc="seek">
              <p:cTn id="8" restart="whenNotActive" fill="hold" evtFilter="cancelBubble" nodeType="interactiveSeq">
                <p:stCondLst>
                  <p:cond evt="onClick" delay="0">
                    <p:tgtEl>
                      <p:spTgt spid="12"/>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1"/>
                                        </p:tgtEl>
                                        <p:attrNameLst>
                                          <p:attrName>style.visibility</p:attrName>
                                        </p:attrNameLst>
                                      </p:cBhvr>
                                      <p:to>
                                        <p:strVal val="visible"/>
                                      </p:to>
                                    </p:set>
                                    <p:animEffect transition="in" filter="fade">
                                      <p:cBhvr>
                                        <p:cTn id="13" dur="500"/>
                                        <p:tgtEl>
                                          <p:spTgt spid="11"/>
                                        </p:tgtEl>
                                      </p:cBhvr>
                                    </p:animEffect>
                                  </p:childTnLst>
                                  <p:subTnLst>
                                    <p:audio>
                                      <p:cMediaNode>
                                        <p:cTn display="0" masterRel="sameClick">
                                          <p:stCondLst>
                                            <p:cond evt="begin" delay="0">
                                              <p:tn val="11"/>
                                            </p:cond>
                                          </p:stCondLst>
                                          <p:endCondLst>
                                            <p:cond evt="onStopAudio" delay="0">
                                              <p:tgtEl>
                                                <p:sldTgt/>
                                              </p:tgtEl>
                                            </p:cond>
                                          </p:endCondLst>
                                        </p:cTn>
                                        <p:tgtEl>
                                          <p:sndTgt r:embed="rId5" name="CorrectAnswerSFX.wav"/>
                                        </p:tgtEl>
                                      </p:cMediaNode>
                                    </p:audio>
                                  </p:subTnLst>
                                </p:cTn>
                              </p:par>
                              <p:par>
                                <p:cTn id="14" presetID="1" presetClass="exit" presetSubtype="0" fill="hold" grpId="0" nodeType="withEffect">
                                  <p:stCondLst>
                                    <p:cond delay="0"/>
                                  </p:stCondLst>
                                  <p:childTnLst>
                                    <p:set>
                                      <p:cBhvr>
                                        <p:cTn id="15" dur="1" fill="hold">
                                          <p:stCondLst>
                                            <p:cond delay="0"/>
                                          </p:stCondLst>
                                        </p:cTn>
                                        <p:tgtEl>
                                          <p:spTgt spid="13"/>
                                        </p:tgtEl>
                                        <p:attrNameLst>
                                          <p:attrName>style.visibility</p:attrName>
                                        </p:attrNameLst>
                                      </p:cBhvr>
                                      <p:to>
                                        <p:strVal val="hidden"/>
                                      </p:to>
                                    </p:set>
                                  </p:childTnLst>
                                </p:cTn>
                              </p:par>
                            </p:childTnLst>
                          </p:cTn>
                        </p:par>
                      </p:childTnLst>
                    </p:cTn>
                  </p:par>
                </p:childTnLst>
              </p:cTn>
              <p:nextCondLst>
                <p:cond evt="onClick" delay="0">
                  <p:tgtEl>
                    <p:spTgt spid="12"/>
                  </p:tgtEl>
                </p:cond>
              </p:nextCondLst>
            </p:seq>
            <p:seq concurrent="1" nextAc="seek">
              <p:cTn id="16" restart="whenNotActive" fill="hold" evtFilter="cancelBubble" nodeType="interactiveSeq">
                <p:stCondLst>
                  <p:cond evt="onClick" delay="0">
                    <p:tgtEl>
                      <p:spTgt spid="65"/>
                    </p:tgtEl>
                  </p:cond>
                </p:stCondLst>
                <p:endSync evt="end" delay="0">
                  <p:rtn val="all"/>
                </p:endSync>
                <p:childTnLst>
                  <p:par>
                    <p:cTn id="17" fill="hold">
                      <p:stCondLst>
                        <p:cond delay="0"/>
                      </p:stCondLst>
                      <p:childTnLst>
                        <p:par>
                          <p:cTn id="18" fill="hold">
                            <p:stCondLst>
                              <p:cond delay="0"/>
                            </p:stCondLst>
                            <p:childTnLst>
                              <p:par>
                                <p:cTn id="19" presetID="10" presetClass="entr" presetSubtype="0" fill="remove" grpId="0" nodeType="clickEffect">
                                  <p:stCondLst>
                                    <p:cond delay="0"/>
                                  </p:stCondLst>
                                  <p:childTnLst>
                                    <p:set>
                                      <p:cBhvr>
                                        <p:cTn id="20" dur="1" fill="hold">
                                          <p:stCondLst>
                                            <p:cond delay="0"/>
                                          </p:stCondLst>
                                        </p:cTn>
                                        <p:tgtEl>
                                          <p:spTgt spid="62"/>
                                        </p:tgtEl>
                                        <p:attrNameLst>
                                          <p:attrName>style.visibility</p:attrName>
                                        </p:attrNameLst>
                                      </p:cBhvr>
                                      <p:to>
                                        <p:strVal val="visible"/>
                                      </p:to>
                                    </p:set>
                                    <p:animEffect transition="in" filter="fade">
                                      <p:cBhvr>
                                        <p:cTn id="21" dur="1600"/>
                                        <p:tgtEl>
                                          <p:spTgt spid="62"/>
                                        </p:tgtEl>
                                      </p:cBhvr>
                                    </p:animEffect>
                                  </p:childTnLst>
                                  <p:subTnLst>
                                    <p:audio>
                                      <p:cMediaNode>
                                        <p:cTn display="0" masterRel="sameClick">
                                          <p:stCondLst>
                                            <p:cond evt="begin" delay="0">
                                              <p:tn val="1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65"/>
                  </p:tgtEl>
                </p:cond>
              </p:nextCondLst>
            </p:seq>
            <p:seq concurrent="1" nextAc="seek">
              <p:cTn id="22" restart="whenNotActive" fill="hold" evtFilter="cancelBubble" nodeType="interactiveSeq">
                <p:stCondLst>
                  <p:cond evt="onClick" delay="0">
                    <p:tgtEl>
                      <p:spTgt spid="64"/>
                    </p:tgtEl>
                  </p:cond>
                </p:stCondLst>
                <p:endSync evt="end" delay="0">
                  <p:rtn val="all"/>
                </p:endSync>
                <p:childTnLst>
                  <p:par>
                    <p:cTn id="23" fill="hold">
                      <p:stCondLst>
                        <p:cond delay="0"/>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63"/>
                                        </p:tgtEl>
                                        <p:attrNameLst>
                                          <p:attrName>style.visibility</p:attrName>
                                        </p:attrNameLst>
                                      </p:cBhvr>
                                      <p:to>
                                        <p:strVal val="visible"/>
                                      </p:to>
                                    </p:set>
                                    <p:animEffect transition="in" filter="fade">
                                      <p:cBhvr>
                                        <p:cTn id="27" dur="500"/>
                                        <p:tgtEl>
                                          <p:spTgt spid="63"/>
                                        </p:tgtEl>
                                      </p:cBhvr>
                                    </p:animEffect>
                                  </p:childTnLst>
                                  <p:subTnLst>
                                    <p:audio>
                                      <p:cMediaNode>
                                        <p:cTn display="0" masterRel="sameClick">
                                          <p:stCondLst>
                                            <p:cond evt="begin" delay="0">
                                              <p:tn val="25"/>
                                            </p:cond>
                                          </p:stCondLst>
                                          <p:endCondLst>
                                            <p:cond evt="onStopAudio" delay="0">
                                              <p:tgtEl>
                                                <p:sldTgt/>
                                              </p:tgtEl>
                                            </p:cond>
                                          </p:endCondLst>
                                        </p:cTn>
                                        <p:tgtEl>
                                          <p:sndTgt r:embed="rId5" name="CorrectAnswerSFX.wav"/>
                                        </p:tgtEl>
                                      </p:cMediaNode>
                                    </p:audio>
                                  </p:subTnLst>
                                </p:cTn>
                              </p:par>
                            </p:childTnLst>
                          </p:cTn>
                        </p:par>
                        <p:par>
                          <p:cTn id="28" fill="hold">
                            <p:stCondLst>
                              <p:cond delay="500"/>
                            </p:stCondLst>
                            <p:childTnLst>
                              <p:par>
                                <p:cTn id="29" presetID="1" presetClass="exit" presetSubtype="0" fill="hold" grpId="0" nodeType="afterEffect">
                                  <p:stCondLst>
                                    <p:cond delay="0"/>
                                  </p:stCondLst>
                                  <p:childTnLst>
                                    <p:set>
                                      <p:cBhvr>
                                        <p:cTn id="30" dur="1" fill="hold">
                                          <p:stCondLst>
                                            <p:cond delay="0"/>
                                          </p:stCondLst>
                                        </p:cTn>
                                        <p:tgtEl>
                                          <p:spTgt spid="65"/>
                                        </p:tgtEl>
                                        <p:attrNameLst>
                                          <p:attrName>style.visibility</p:attrName>
                                        </p:attrNameLst>
                                      </p:cBhvr>
                                      <p:to>
                                        <p:strVal val="hidden"/>
                                      </p:to>
                                    </p:set>
                                  </p:childTnLst>
                                </p:cTn>
                              </p:par>
                            </p:childTnLst>
                          </p:cTn>
                        </p:par>
                      </p:childTnLst>
                    </p:cTn>
                  </p:par>
                </p:childTnLst>
              </p:cTn>
              <p:nextCondLst>
                <p:cond evt="onClick" delay="0">
                  <p:tgtEl>
                    <p:spTgt spid="64"/>
                  </p:tgtEl>
                </p:cond>
              </p:nextCondLst>
            </p:seq>
            <p:seq concurrent="1" nextAc="seek">
              <p:cTn id="31" restart="whenNotActive" fill="hold" evtFilter="cancelBubble" nodeType="interactiveSeq">
                <p:stCondLst>
                  <p:cond evt="onClick" delay="0">
                    <p:tgtEl>
                      <p:spTgt spid="73"/>
                    </p:tgtEl>
                  </p:cond>
                </p:stCondLst>
                <p:endSync evt="end" delay="0">
                  <p:rtn val="all"/>
                </p:endSync>
                <p:childTnLst>
                  <p:par>
                    <p:cTn id="32" fill="hold">
                      <p:stCondLst>
                        <p:cond delay="0"/>
                      </p:stCondLst>
                      <p:childTnLst>
                        <p:par>
                          <p:cTn id="33" fill="hold">
                            <p:stCondLst>
                              <p:cond delay="0"/>
                            </p:stCondLst>
                            <p:childTnLst>
                              <p:par>
                                <p:cTn id="34" presetID="10" presetClass="entr" presetSubtype="0" fill="hold" grpId="0" nodeType="clickEffect">
                                  <p:stCondLst>
                                    <p:cond delay="0"/>
                                  </p:stCondLst>
                                  <p:childTnLst>
                                    <p:set>
                                      <p:cBhvr>
                                        <p:cTn id="35" dur="1" fill="hold">
                                          <p:stCondLst>
                                            <p:cond delay="0"/>
                                          </p:stCondLst>
                                        </p:cTn>
                                        <p:tgtEl>
                                          <p:spTgt spid="71"/>
                                        </p:tgtEl>
                                        <p:attrNameLst>
                                          <p:attrName>style.visibility</p:attrName>
                                        </p:attrNameLst>
                                      </p:cBhvr>
                                      <p:to>
                                        <p:strVal val="visible"/>
                                      </p:to>
                                    </p:set>
                                    <p:animEffect transition="in" filter="fade">
                                      <p:cBhvr>
                                        <p:cTn id="36" dur="500"/>
                                        <p:tgtEl>
                                          <p:spTgt spid="71"/>
                                        </p:tgtEl>
                                      </p:cBhvr>
                                    </p:animEffect>
                                  </p:childTnLst>
                                  <p:subTnLst>
                                    <p:audio>
                                      <p:cMediaNode>
                                        <p:cTn display="0" masterRel="sameClick">
                                          <p:stCondLst>
                                            <p:cond evt="begin" delay="0">
                                              <p:tn val="34"/>
                                            </p:cond>
                                          </p:stCondLst>
                                          <p:endCondLst>
                                            <p:cond evt="onStopAudio" delay="0">
                                              <p:tgtEl>
                                                <p:sldTgt/>
                                              </p:tgtEl>
                                            </p:cond>
                                          </p:endCondLst>
                                        </p:cTn>
                                        <p:tgtEl>
                                          <p:sndTgt r:embed="rId5" name="CorrectAnswerSFX.wav"/>
                                        </p:tgtEl>
                                      </p:cMediaNode>
                                    </p:audio>
                                  </p:subTnLst>
                                </p:cTn>
                              </p:par>
                            </p:childTnLst>
                          </p:cTn>
                        </p:par>
                        <p:par>
                          <p:cTn id="37" fill="hold">
                            <p:stCondLst>
                              <p:cond delay="500"/>
                            </p:stCondLst>
                            <p:childTnLst>
                              <p:par>
                                <p:cTn id="38" presetID="1" presetClass="exit" presetSubtype="0" fill="hold" grpId="0" nodeType="afterEffect">
                                  <p:stCondLst>
                                    <p:cond delay="0"/>
                                  </p:stCondLst>
                                  <p:childTnLst>
                                    <p:set>
                                      <p:cBhvr>
                                        <p:cTn id="39" dur="1" fill="hold">
                                          <p:stCondLst>
                                            <p:cond delay="0"/>
                                          </p:stCondLst>
                                        </p:cTn>
                                        <p:tgtEl>
                                          <p:spTgt spid="72"/>
                                        </p:tgtEl>
                                        <p:attrNameLst>
                                          <p:attrName>style.visibility</p:attrName>
                                        </p:attrNameLst>
                                      </p:cBhvr>
                                      <p:to>
                                        <p:strVal val="hidden"/>
                                      </p:to>
                                    </p:set>
                                  </p:childTnLst>
                                </p:cTn>
                              </p:par>
                            </p:childTnLst>
                          </p:cTn>
                        </p:par>
                      </p:childTnLst>
                    </p:cTn>
                  </p:par>
                </p:childTnLst>
              </p:cTn>
              <p:nextCondLst>
                <p:cond evt="onClick" delay="0">
                  <p:tgtEl>
                    <p:spTgt spid="73"/>
                  </p:tgtEl>
                </p:cond>
              </p:nextCondLst>
            </p:seq>
            <p:seq concurrent="1" nextAc="seek">
              <p:cTn id="40" restart="whenNotActive" fill="hold" evtFilter="cancelBubble" nodeType="interactiveSeq">
                <p:stCondLst>
                  <p:cond evt="onClick" delay="0">
                    <p:tgtEl>
                      <p:spTgt spid="72"/>
                    </p:tgtEl>
                  </p:cond>
                </p:stCondLst>
                <p:endSync evt="end" delay="0">
                  <p:rtn val="all"/>
                </p:endSync>
                <p:childTnLst>
                  <p:par>
                    <p:cTn id="41" fill="hold">
                      <p:stCondLst>
                        <p:cond delay="0"/>
                      </p:stCondLst>
                      <p:childTnLst>
                        <p:par>
                          <p:cTn id="42" fill="hold">
                            <p:stCondLst>
                              <p:cond delay="0"/>
                            </p:stCondLst>
                            <p:childTnLst>
                              <p:par>
                                <p:cTn id="43" presetID="10" presetClass="entr" presetSubtype="0" fill="remove" grpId="0" nodeType="clickEffect">
                                  <p:stCondLst>
                                    <p:cond delay="0"/>
                                  </p:stCondLst>
                                  <p:childTnLst>
                                    <p:set>
                                      <p:cBhvr>
                                        <p:cTn id="44" dur="1" fill="hold">
                                          <p:stCondLst>
                                            <p:cond delay="0"/>
                                          </p:stCondLst>
                                        </p:cTn>
                                        <p:tgtEl>
                                          <p:spTgt spid="70"/>
                                        </p:tgtEl>
                                        <p:attrNameLst>
                                          <p:attrName>style.visibility</p:attrName>
                                        </p:attrNameLst>
                                      </p:cBhvr>
                                      <p:to>
                                        <p:strVal val="visible"/>
                                      </p:to>
                                    </p:set>
                                    <p:animEffect transition="in" filter="fade">
                                      <p:cBhvr>
                                        <p:cTn id="45" dur="1100"/>
                                        <p:tgtEl>
                                          <p:spTgt spid="70"/>
                                        </p:tgtEl>
                                      </p:cBhvr>
                                    </p:animEffect>
                                  </p:childTnLst>
                                  <p:subTnLst>
                                    <p:audio>
                                      <p:cMediaNode>
                                        <p:cTn display="0" masterRel="sameClick">
                                          <p:stCondLst>
                                            <p:cond evt="begin" delay="0">
                                              <p:tn val="4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72"/>
                  </p:tgtEl>
                </p:cond>
              </p:nextCondLst>
            </p:seq>
            <p:seq concurrent="1" nextAc="seek">
              <p:cTn id="46" restart="whenNotActive" fill="hold" evtFilter="cancelBubble" nodeType="interactiveSeq">
                <p:stCondLst>
                  <p:cond evt="onClick" delay="0">
                    <p:tgtEl>
                      <p:spTgt spid="89"/>
                    </p:tgtEl>
                  </p:cond>
                </p:stCondLst>
                <p:endSync evt="end" delay="0">
                  <p:rtn val="all"/>
                </p:endSync>
                <p:childTnLst>
                  <p:par>
                    <p:cTn id="47" fill="hold">
                      <p:stCondLst>
                        <p:cond delay="0"/>
                      </p:stCondLst>
                      <p:childTnLst>
                        <p:par>
                          <p:cTn id="48" fill="hold">
                            <p:stCondLst>
                              <p:cond delay="0"/>
                            </p:stCondLst>
                            <p:childTnLst>
                              <p:par>
                                <p:cTn id="49" presetID="10" presetClass="entr" presetSubtype="0" fill="remove" grpId="0" nodeType="clickEffect">
                                  <p:stCondLst>
                                    <p:cond delay="0"/>
                                  </p:stCondLst>
                                  <p:childTnLst>
                                    <p:set>
                                      <p:cBhvr>
                                        <p:cTn id="50" dur="1" fill="hold">
                                          <p:stCondLst>
                                            <p:cond delay="0"/>
                                          </p:stCondLst>
                                        </p:cTn>
                                        <p:tgtEl>
                                          <p:spTgt spid="86"/>
                                        </p:tgtEl>
                                        <p:attrNameLst>
                                          <p:attrName>style.visibility</p:attrName>
                                        </p:attrNameLst>
                                      </p:cBhvr>
                                      <p:to>
                                        <p:strVal val="visible"/>
                                      </p:to>
                                    </p:set>
                                    <p:animEffect transition="in" filter="fade">
                                      <p:cBhvr>
                                        <p:cTn id="51" dur="1600"/>
                                        <p:tgtEl>
                                          <p:spTgt spid="86"/>
                                        </p:tgtEl>
                                      </p:cBhvr>
                                    </p:animEffect>
                                  </p:childTnLst>
                                  <p:subTnLst>
                                    <p:audio>
                                      <p:cMediaNode>
                                        <p:cTn display="0" masterRel="sameClick">
                                          <p:stCondLst>
                                            <p:cond evt="begin" delay="0">
                                              <p:tn val="4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89"/>
                  </p:tgtEl>
                </p:cond>
              </p:nextCondLst>
            </p:seq>
            <p:seq concurrent="1" nextAc="seek">
              <p:cTn id="52" restart="whenNotActive" fill="hold" evtFilter="cancelBubble" nodeType="interactiveSeq">
                <p:stCondLst>
                  <p:cond evt="onClick" delay="0">
                    <p:tgtEl>
                      <p:spTgt spid="88"/>
                    </p:tgtEl>
                  </p:cond>
                </p:stCondLst>
                <p:endSync evt="end" delay="0">
                  <p:rtn val="all"/>
                </p:endSync>
                <p:childTnLst>
                  <p:par>
                    <p:cTn id="53" fill="hold">
                      <p:stCondLst>
                        <p:cond delay="0"/>
                      </p:stCondLst>
                      <p:childTnLst>
                        <p:par>
                          <p:cTn id="54" fill="hold">
                            <p:stCondLst>
                              <p:cond delay="0"/>
                            </p:stCondLst>
                            <p:childTnLst>
                              <p:par>
                                <p:cTn id="55" presetID="10" presetClass="entr" presetSubtype="0" fill="hold" grpId="0" nodeType="clickEffect">
                                  <p:stCondLst>
                                    <p:cond delay="0"/>
                                  </p:stCondLst>
                                  <p:childTnLst>
                                    <p:set>
                                      <p:cBhvr>
                                        <p:cTn id="56" dur="1" fill="hold">
                                          <p:stCondLst>
                                            <p:cond delay="0"/>
                                          </p:stCondLst>
                                        </p:cTn>
                                        <p:tgtEl>
                                          <p:spTgt spid="87"/>
                                        </p:tgtEl>
                                        <p:attrNameLst>
                                          <p:attrName>style.visibility</p:attrName>
                                        </p:attrNameLst>
                                      </p:cBhvr>
                                      <p:to>
                                        <p:strVal val="visible"/>
                                      </p:to>
                                    </p:set>
                                    <p:animEffect transition="in" filter="fade">
                                      <p:cBhvr>
                                        <p:cTn id="57" dur="500"/>
                                        <p:tgtEl>
                                          <p:spTgt spid="87"/>
                                        </p:tgtEl>
                                      </p:cBhvr>
                                    </p:animEffect>
                                  </p:childTnLst>
                                  <p:subTnLst>
                                    <p:audio>
                                      <p:cMediaNode>
                                        <p:cTn display="0" masterRel="sameClick">
                                          <p:stCondLst>
                                            <p:cond evt="begin" delay="0">
                                              <p:tn val="55"/>
                                            </p:cond>
                                          </p:stCondLst>
                                          <p:endCondLst>
                                            <p:cond evt="onStopAudio" delay="0">
                                              <p:tgtEl>
                                                <p:sldTgt/>
                                              </p:tgtEl>
                                            </p:cond>
                                          </p:endCondLst>
                                        </p:cTn>
                                        <p:tgtEl>
                                          <p:sndTgt r:embed="rId5" name="CorrectAnswerSFX.wav"/>
                                        </p:tgtEl>
                                      </p:cMediaNode>
                                    </p:audio>
                                  </p:subTnLst>
                                </p:cTn>
                              </p:par>
                            </p:childTnLst>
                          </p:cTn>
                        </p:par>
                        <p:par>
                          <p:cTn id="58" fill="hold">
                            <p:stCondLst>
                              <p:cond delay="500"/>
                            </p:stCondLst>
                            <p:childTnLst>
                              <p:par>
                                <p:cTn id="59" presetID="1" presetClass="exit" presetSubtype="0" fill="hold" grpId="0" nodeType="afterEffect">
                                  <p:stCondLst>
                                    <p:cond delay="0"/>
                                  </p:stCondLst>
                                  <p:childTnLst>
                                    <p:set>
                                      <p:cBhvr>
                                        <p:cTn id="60" dur="1" fill="hold">
                                          <p:stCondLst>
                                            <p:cond delay="0"/>
                                          </p:stCondLst>
                                        </p:cTn>
                                        <p:tgtEl>
                                          <p:spTgt spid="89"/>
                                        </p:tgtEl>
                                        <p:attrNameLst>
                                          <p:attrName>style.visibility</p:attrName>
                                        </p:attrNameLst>
                                      </p:cBhvr>
                                      <p:to>
                                        <p:strVal val="hidden"/>
                                      </p:to>
                                    </p:set>
                                  </p:childTnLst>
                                </p:cTn>
                              </p:par>
                            </p:childTnLst>
                          </p:cTn>
                        </p:par>
                      </p:childTnLst>
                    </p:cTn>
                  </p:par>
                </p:childTnLst>
              </p:cTn>
              <p:nextCondLst>
                <p:cond evt="onClick" delay="0">
                  <p:tgtEl>
                    <p:spTgt spid="88"/>
                  </p:tgtEl>
                </p:cond>
              </p:nextCondLst>
            </p:seq>
            <p:seq concurrent="1" nextAc="seek">
              <p:cTn id="61" restart="whenNotActive" fill="hold" evtFilter="cancelBubble" nodeType="interactiveSeq">
                <p:stCondLst>
                  <p:cond evt="onClick" delay="0">
                    <p:tgtEl>
                      <p:spTgt spid="104"/>
                    </p:tgtEl>
                  </p:cond>
                </p:stCondLst>
                <p:endSync evt="end" delay="0">
                  <p:rtn val="all"/>
                </p:endSync>
                <p:childTnLst>
                  <p:par>
                    <p:cTn id="62" fill="hold">
                      <p:stCondLst>
                        <p:cond delay="0"/>
                      </p:stCondLst>
                      <p:childTnLst>
                        <p:par>
                          <p:cTn id="63" fill="hold">
                            <p:stCondLst>
                              <p:cond delay="0"/>
                            </p:stCondLst>
                            <p:childTnLst>
                              <p:par>
                                <p:cTn id="64" presetID="10" presetClass="entr" presetSubtype="0" fill="remove" grpId="0" nodeType="clickEffect">
                                  <p:stCondLst>
                                    <p:cond delay="0"/>
                                  </p:stCondLst>
                                  <p:childTnLst>
                                    <p:set>
                                      <p:cBhvr>
                                        <p:cTn id="65" dur="1" fill="hold">
                                          <p:stCondLst>
                                            <p:cond delay="0"/>
                                          </p:stCondLst>
                                        </p:cTn>
                                        <p:tgtEl>
                                          <p:spTgt spid="101"/>
                                        </p:tgtEl>
                                        <p:attrNameLst>
                                          <p:attrName>style.visibility</p:attrName>
                                        </p:attrNameLst>
                                      </p:cBhvr>
                                      <p:to>
                                        <p:strVal val="visible"/>
                                      </p:to>
                                    </p:set>
                                    <p:animEffect transition="in" filter="fade">
                                      <p:cBhvr>
                                        <p:cTn id="66" dur="1600"/>
                                        <p:tgtEl>
                                          <p:spTgt spid="101"/>
                                        </p:tgtEl>
                                      </p:cBhvr>
                                    </p:animEffect>
                                  </p:childTnLst>
                                  <p:subTnLst>
                                    <p:audio>
                                      <p:cMediaNode>
                                        <p:cTn display="0" masterRel="sameClick">
                                          <p:stCondLst>
                                            <p:cond evt="begin" delay="0">
                                              <p:tn val="64"/>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04"/>
                  </p:tgtEl>
                </p:cond>
              </p:nextCondLst>
            </p:seq>
            <p:seq concurrent="1" nextAc="seek">
              <p:cTn id="67" restart="whenNotActive" fill="hold" evtFilter="cancelBubble" nodeType="interactiveSeq">
                <p:stCondLst>
                  <p:cond evt="onClick" delay="0">
                    <p:tgtEl>
                      <p:spTgt spid="103"/>
                    </p:tgtEl>
                  </p:cond>
                </p:stCondLst>
                <p:endSync evt="end" delay="0">
                  <p:rtn val="all"/>
                </p:endSync>
                <p:childTnLst>
                  <p:par>
                    <p:cTn id="68" fill="hold">
                      <p:stCondLst>
                        <p:cond delay="0"/>
                      </p:stCondLst>
                      <p:childTnLst>
                        <p:par>
                          <p:cTn id="69" fill="hold">
                            <p:stCondLst>
                              <p:cond delay="0"/>
                            </p:stCondLst>
                            <p:childTnLst>
                              <p:par>
                                <p:cTn id="70" presetID="10" presetClass="entr" presetSubtype="0" fill="hold" grpId="0" nodeType="clickEffect">
                                  <p:stCondLst>
                                    <p:cond delay="0"/>
                                  </p:stCondLst>
                                  <p:childTnLst>
                                    <p:set>
                                      <p:cBhvr>
                                        <p:cTn id="71" dur="1" fill="hold">
                                          <p:stCondLst>
                                            <p:cond delay="0"/>
                                          </p:stCondLst>
                                        </p:cTn>
                                        <p:tgtEl>
                                          <p:spTgt spid="102"/>
                                        </p:tgtEl>
                                        <p:attrNameLst>
                                          <p:attrName>style.visibility</p:attrName>
                                        </p:attrNameLst>
                                      </p:cBhvr>
                                      <p:to>
                                        <p:strVal val="visible"/>
                                      </p:to>
                                    </p:set>
                                    <p:animEffect transition="in" filter="fade">
                                      <p:cBhvr>
                                        <p:cTn id="72" dur="500"/>
                                        <p:tgtEl>
                                          <p:spTgt spid="102"/>
                                        </p:tgtEl>
                                      </p:cBhvr>
                                    </p:animEffect>
                                  </p:childTnLst>
                                  <p:subTnLst>
                                    <p:audio>
                                      <p:cMediaNode>
                                        <p:cTn display="0" masterRel="sameClick">
                                          <p:stCondLst>
                                            <p:cond evt="begin" delay="0">
                                              <p:tn val="70"/>
                                            </p:cond>
                                          </p:stCondLst>
                                          <p:endCondLst>
                                            <p:cond evt="onStopAudio" delay="0">
                                              <p:tgtEl>
                                                <p:sldTgt/>
                                              </p:tgtEl>
                                            </p:cond>
                                          </p:endCondLst>
                                        </p:cTn>
                                        <p:tgtEl>
                                          <p:sndTgt r:embed="rId5" name="CorrectAnswerSFX.wav"/>
                                        </p:tgtEl>
                                      </p:cMediaNode>
                                    </p:audio>
                                  </p:subTnLst>
                                </p:cTn>
                              </p:par>
                            </p:childTnLst>
                          </p:cTn>
                        </p:par>
                        <p:par>
                          <p:cTn id="73" fill="hold">
                            <p:stCondLst>
                              <p:cond delay="500"/>
                            </p:stCondLst>
                            <p:childTnLst>
                              <p:par>
                                <p:cTn id="74" presetID="1" presetClass="exit" presetSubtype="0" fill="hold" grpId="0" nodeType="afterEffect">
                                  <p:stCondLst>
                                    <p:cond delay="0"/>
                                  </p:stCondLst>
                                  <p:childTnLst>
                                    <p:set>
                                      <p:cBhvr>
                                        <p:cTn id="75" dur="1" fill="hold">
                                          <p:stCondLst>
                                            <p:cond delay="0"/>
                                          </p:stCondLst>
                                        </p:cTn>
                                        <p:tgtEl>
                                          <p:spTgt spid="104"/>
                                        </p:tgtEl>
                                        <p:attrNameLst>
                                          <p:attrName>style.visibility</p:attrName>
                                        </p:attrNameLst>
                                      </p:cBhvr>
                                      <p:to>
                                        <p:strVal val="hidden"/>
                                      </p:to>
                                    </p:set>
                                  </p:childTnLst>
                                </p:cTn>
                              </p:par>
                            </p:childTnLst>
                          </p:cTn>
                        </p:par>
                      </p:childTnLst>
                    </p:cTn>
                  </p:par>
                </p:childTnLst>
              </p:cTn>
              <p:nextCondLst>
                <p:cond evt="onClick" delay="0">
                  <p:tgtEl>
                    <p:spTgt spid="103"/>
                  </p:tgtEl>
                </p:cond>
              </p:nextCondLst>
            </p:seq>
            <p:seq concurrent="1" nextAc="seek">
              <p:cTn id="76" restart="whenNotActive" fill="hold" evtFilter="cancelBubble" nodeType="interactiveSeq">
                <p:stCondLst>
                  <p:cond evt="onClick" delay="0">
                    <p:tgtEl>
                      <p:spTgt spid="118"/>
                    </p:tgtEl>
                  </p:cond>
                </p:stCondLst>
                <p:endSync evt="end" delay="0">
                  <p:rtn val="all"/>
                </p:endSync>
                <p:childTnLst>
                  <p:par>
                    <p:cTn id="77" fill="hold">
                      <p:stCondLst>
                        <p:cond delay="0"/>
                      </p:stCondLst>
                      <p:childTnLst>
                        <p:par>
                          <p:cTn id="78" fill="hold">
                            <p:stCondLst>
                              <p:cond delay="0"/>
                            </p:stCondLst>
                            <p:childTnLst>
                              <p:par>
                                <p:cTn id="79" presetID="10" presetClass="entr" presetSubtype="0" fill="hold" grpId="0" nodeType="clickEffect">
                                  <p:stCondLst>
                                    <p:cond delay="0"/>
                                  </p:stCondLst>
                                  <p:childTnLst>
                                    <p:set>
                                      <p:cBhvr>
                                        <p:cTn id="80" dur="1" fill="hold">
                                          <p:stCondLst>
                                            <p:cond delay="0"/>
                                          </p:stCondLst>
                                        </p:cTn>
                                        <p:tgtEl>
                                          <p:spTgt spid="116"/>
                                        </p:tgtEl>
                                        <p:attrNameLst>
                                          <p:attrName>style.visibility</p:attrName>
                                        </p:attrNameLst>
                                      </p:cBhvr>
                                      <p:to>
                                        <p:strVal val="visible"/>
                                      </p:to>
                                    </p:set>
                                    <p:animEffect transition="in" filter="fade">
                                      <p:cBhvr>
                                        <p:cTn id="81" dur="500"/>
                                        <p:tgtEl>
                                          <p:spTgt spid="116"/>
                                        </p:tgtEl>
                                      </p:cBhvr>
                                    </p:animEffect>
                                  </p:childTnLst>
                                  <p:subTnLst>
                                    <p:audio>
                                      <p:cMediaNode>
                                        <p:cTn display="0" masterRel="sameClick">
                                          <p:stCondLst>
                                            <p:cond evt="begin" delay="0">
                                              <p:tn val="79"/>
                                            </p:cond>
                                          </p:stCondLst>
                                          <p:endCondLst>
                                            <p:cond evt="onStopAudio" delay="0">
                                              <p:tgtEl>
                                                <p:sldTgt/>
                                              </p:tgtEl>
                                            </p:cond>
                                          </p:endCondLst>
                                        </p:cTn>
                                        <p:tgtEl>
                                          <p:sndTgt r:embed="rId5" name="CorrectAnswerSFX.wav"/>
                                        </p:tgtEl>
                                      </p:cMediaNode>
                                    </p:audio>
                                  </p:subTnLst>
                                </p:cTn>
                              </p:par>
                            </p:childTnLst>
                          </p:cTn>
                        </p:par>
                        <p:par>
                          <p:cTn id="82" fill="hold">
                            <p:stCondLst>
                              <p:cond delay="500"/>
                            </p:stCondLst>
                            <p:childTnLst>
                              <p:par>
                                <p:cTn id="83" presetID="1" presetClass="exit" presetSubtype="0" fill="hold" grpId="0" nodeType="afterEffect">
                                  <p:stCondLst>
                                    <p:cond delay="0"/>
                                  </p:stCondLst>
                                  <p:childTnLst>
                                    <p:set>
                                      <p:cBhvr>
                                        <p:cTn id="84" dur="1" fill="hold">
                                          <p:stCondLst>
                                            <p:cond delay="0"/>
                                          </p:stCondLst>
                                        </p:cTn>
                                        <p:tgtEl>
                                          <p:spTgt spid="117"/>
                                        </p:tgtEl>
                                        <p:attrNameLst>
                                          <p:attrName>style.visibility</p:attrName>
                                        </p:attrNameLst>
                                      </p:cBhvr>
                                      <p:to>
                                        <p:strVal val="hidden"/>
                                      </p:to>
                                    </p:set>
                                  </p:childTnLst>
                                </p:cTn>
                              </p:par>
                            </p:childTnLst>
                          </p:cTn>
                        </p:par>
                      </p:childTnLst>
                    </p:cTn>
                  </p:par>
                </p:childTnLst>
              </p:cTn>
              <p:nextCondLst>
                <p:cond evt="onClick" delay="0">
                  <p:tgtEl>
                    <p:spTgt spid="118"/>
                  </p:tgtEl>
                </p:cond>
              </p:nextCondLst>
            </p:seq>
            <p:seq concurrent="1" nextAc="seek">
              <p:cTn id="85" restart="whenNotActive" fill="hold" evtFilter="cancelBubble" nodeType="interactiveSeq">
                <p:stCondLst>
                  <p:cond evt="onClick" delay="0">
                    <p:tgtEl>
                      <p:spTgt spid="117"/>
                    </p:tgtEl>
                  </p:cond>
                </p:stCondLst>
                <p:endSync evt="end" delay="0">
                  <p:rtn val="all"/>
                </p:endSync>
                <p:childTnLst>
                  <p:par>
                    <p:cTn id="86" fill="hold">
                      <p:stCondLst>
                        <p:cond delay="0"/>
                      </p:stCondLst>
                      <p:childTnLst>
                        <p:par>
                          <p:cTn id="87" fill="hold">
                            <p:stCondLst>
                              <p:cond delay="0"/>
                            </p:stCondLst>
                            <p:childTnLst>
                              <p:par>
                                <p:cTn id="88" presetID="10" presetClass="entr" presetSubtype="0" fill="remove" grpId="0" nodeType="clickEffect">
                                  <p:stCondLst>
                                    <p:cond delay="0"/>
                                  </p:stCondLst>
                                  <p:childTnLst>
                                    <p:set>
                                      <p:cBhvr>
                                        <p:cTn id="89" dur="1" fill="hold">
                                          <p:stCondLst>
                                            <p:cond delay="0"/>
                                          </p:stCondLst>
                                        </p:cTn>
                                        <p:tgtEl>
                                          <p:spTgt spid="115"/>
                                        </p:tgtEl>
                                        <p:attrNameLst>
                                          <p:attrName>style.visibility</p:attrName>
                                        </p:attrNameLst>
                                      </p:cBhvr>
                                      <p:to>
                                        <p:strVal val="visible"/>
                                      </p:to>
                                    </p:set>
                                    <p:animEffect transition="in" filter="fade">
                                      <p:cBhvr>
                                        <p:cTn id="90" dur="1100"/>
                                        <p:tgtEl>
                                          <p:spTgt spid="115"/>
                                        </p:tgtEl>
                                      </p:cBhvr>
                                    </p:animEffect>
                                  </p:childTnLst>
                                  <p:subTnLst>
                                    <p:audio>
                                      <p:cMediaNode>
                                        <p:cTn display="0" masterRel="sameClick">
                                          <p:stCondLst>
                                            <p:cond evt="begin" delay="0">
                                              <p:tn val="88"/>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17"/>
                  </p:tgtEl>
                </p:cond>
              </p:nextCondLst>
            </p:seq>
          </p:childTnLst>
        </p:cTn>
      </p:par>
    </p:tnLst>
    <p:bldLst>
      <p:bldP spid="10" grpId="0" animBg="1"/>
      <p:bldP spid="11" grpId="0" animBg="1"/>
      <p:bldP spid="13" grpId="0" animBg="1"/>
      <p:bldP spid="62" grpId="0" animBg="1"/>
      <p:bldP spid="63" grpId="0" animBg="1"/>
      <p:bldP spid="65" grpId="0" animBg="1"/>
      <p:bldP spid="70" grpId="0" animBg="1"/>
      <p:bldP spid="71" grpId="0" animBg="1"/>
      <p:bldP spid="72" grpId="0" animBg="1"/>
      <p:bldP spid="86" grpId="0" animBg="1"/>
      <p:bldP spid="87" grpId="0" animBg="1"/>
      <p:bldP spid="89" grpId="0" animBg="1"/>
      <p:bldP spid="101" grpId="0" animBg="1"/>
      <p:bldP spid="102" grpId="0" animBg="1"/>
      <p:bldP spid="104" grpId="0" animBg="1"/>
      <p:bldP spid="115" grpId="0" animBg="1"/>
      <p:bldP spid="116" grpId="0" animBg="1"/>
      <p:bldP spid="117" grpId="0" animBg="1"/>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40296" y="4340060"/>
            <a:ext cx="582662" cy="539476"/>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32" name="Dikdörtgen 131"/>
          <p:cNvSpPr/>
          <p:nvPr/>
        </p:nvSpPr>
        <p:spPr>
          <a:xfrm>
            <a:off x="140558" y="361000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33" name="Dikdörtgen 132"/>
          <p:cNvSpPr/>
          <p:nvPr/>
        </p:nvSpPr>
        <p:spPr>
          <a:xfrm>
            <a:off x="135629" y="5795146"/>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27" name="Dikdörtgen 126"/>
          <p:cNvSpPr/>
          <p:nvPr/>
        </p:nvSpPr>
        <p:spPr>
          <a:xfrm>
            <a:off x="122829" y="2858304"/>
            <a:ext cx="382138"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122829" y="24557"/>
            <a:ext cx="12019073" cy="2751579"/>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lvl="0" algn="just">
              <a:lnSpc>
                <a:spcPct val="100000"/>
              </a:lnSpc>
            </a:pPr>
            <a:r>
              <a:rPr lang="tr-TR" sz="4400" dirty="0"/>
              <a:t>Aşağıdakilerden hangisi insanın Allah ile iletişim kurma yollarından biri </a:t>
            </a:r>
            <a:r>
              <a:rPr lang="tr-TR" sz="4400" u="sng" dirty="0"/>
              <a:t>değildir?</a:t>
            </a:r>
            <a:endParaRPr kumimoji="0" lang="tr-TR" sz="4400" b="1" i="0" u="sng" strike="noStrike" kern="1200" cap="none" spc="0" normalizeH="0" baseline="0" noProof="0" dirty="0">
              <a:ln>
                <a:noFill/>
              </a:ln>
              <a:solidFill>
                <a:prstClr val="black"/>
              </a:solidFill>
              <a:effectLst/>
              <a:uLnTx/>
              <a:uFillTx/>
              <a:latin typeface="Calibri" panose="020F0502020204030204"/>
            </a:endParaRPr>
          </a:p>
        </p:txBody>
      </p:sp>
      <p:grpSp>
        <p:nvGrpSpPr>
          <p:cNvPr id="105" name="A"/>
          <p:cNvGrpSpPr/>
          <p:nvPr/>
        </p:nvGrpSpPr>
        <p:grpSpPr>
          <a:xfrm>
            <a:off x="495508" y="2844657"/>
            <a:ext cx="11527754" cy="543553"/>
            <a:chOff x="955343" y="3343700"/>
            <a:chExt cx="11527754" cy="682389"/>
          </a:xfrm>
          <a:effectLst/>
        </p:grpSpPr>
        <p:sp>
          <p:nvSpPr>
            <p:cNvPr id="97" name="Yuvarlatılmış Dikdörtgen 96"/>
            <p:cNvSpPr/>
            <p:nvPr/>
          </p:nvSpPr>
          <p:spPr>
            <a:xfrm>
              <a:off x="955343" y="3343700"/>
              <a:ext cx="1201003" cy="682388"/>
            </a:xfrm>
            <a:prstGeom prst="roundRect">
              <a:avLst/>
            </a:prstGeom>
            <a:solidFill>
              <a:schemeClr val="accent6"/>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6" name="Serbest Form 95"/>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Cemaatle Namaz kılmak</a:t>
              </a:r>
              <a:endParaRPr kumimoji="0" lang="tr-TR" sz="5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04" name="Dikdörtgen 103"/>
          <p:cNvSpPr/>
          <p:nvPr/>
        </p:nvSpPr>
        <p:spPr>
          <a:xfrm>
            <a:off x="382136" y="2739419"/>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A</a:t>
            </a:r>
          </a:p>
        </p:txBody>
      </p:sp>
      <p:grpSp>
        <p:nvGrpSpPr>
          <p:cNvPr id="118" name="B"/>
          <p:cNvGrpSpPr/>
          <p:nvPr/>
        </p:nvGrpSpPr>
        <p:grpSpPr>
          <a:xfrm>
            <a:off x="531615" y="4343560"/>
            <a:ext cx="11527754" cy="543553"/>
            <a:chOff x="955343" y="3343700"/>
            <a:chExt cx="11527754" cy="682389"/>
          </a:xfrm>
        </p:grpSpPr>
        <p:sp>
          <p:nvSpPr>
            <p:cNvPr id="119" name="Yuvarlatılmış Dikdörtgen 118"/>
            <p:cNvSpPr/>
            <p:nvPr/>
          </p:nvSpPr>
          <p:spPr>
            <a:xfrm>
              <a:off x="955343" y="3343700"/>
              <a:ext cx="1201003" cy="682388"/>
            </a:xfrm>
            <a:prstGeom prst="roundRect">
              <a:avLst/>
            </a:prstGeom>
            <a:solidFill>
              <a:srgbClr val="38ACBB"/>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0" name="Serbest Form 119"/>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Selamlaşmak</a:t>
              </a:r>
              <a:endParaRPr kumimoji="0" lang="tr-TR" sz="3600" b="0" i="0" u="none" strike="noStrike" kern="1200" cap="none" spc="0" normalizeH="0" baseline="0" noProof="0" dirty="0">
                <a:ln>
                  <a:noFill/>
                </a:ln>
                <a:solidFill>
                  <a:prstClr val="black"/>
                </a:solidFill>
                <a:effectLst/>
                <a:uLnTx/>
                <a:uFillTx/>
                <a:latin typeface="Calibri" panose="020F0502020204030204"/>
              </a:endParaRPr>
            </a:p>
          </p:txBody>
        </p:sp>
      </p:grpSp>
      <p:grpSp>
        <p:nvGrpSpPr>
          <p:cNvPr id="121" name="C"/>
          <p:cNvGrpSpPr/>
          <p:nvPr/>
        </p:nvGrpSpPr>
        <p:grpSpPr>
          <a:xfrm>
            <a:off x="513237" y="3590418"/>
            <a:ext cx="11527754" cy="543553"/>
            <a:chOff x="955343" y="3343700"/>
            <a:chExt cx="11527754" cy="682389"/>
          </a:xfrm>
        </p:grpSpPr>
        <p:sp>
          <p:nvSpPr>
            <p:cNvPr id="122" name="Yuvarlatılmış Dikdörtgen 121"/>
            <p:cNvSpPr/>
            <p:nvPr/>
          </p:nvSpPr>
          <p:spPr>
            <a:xfrm>
              <a:off x="955343" y="3343700"/>
              <a:ext cx="1201003" cy="682388"/>
            </a:xfrm>
            <a:prstGeom prst="roundRect">
              <a:avLst/>
            </a:prstGeom>
            <a:solidFill>
              <a:srgbClr val="FFC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3" name="Serbest Form 122"/>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Dua etmek</a:t>
              </a:r>
              <a:endParaRPr kumimoji="0" lang="tr-TR" sz="5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4" name="D"/>
          <p:cNvGrpSpPr/>
          <p:nvPr/>
        </p:nvGrpSpPr>
        <p:grpSpPr>
          <a:xfrm>
            <a:off x="549252" y="5785459"/>
            <a:ext cx="11518296" cy="543553"/>
            <a:chOff x="955343" y="3343700"/>
            <a:chExt cx="11518296" cy="682389"/>
          </a:xfrm>
        </p:grpSpPr>
        <p:sp>
          <p:nvSpPr>
            <p:cNvPr id="125" name="Yuvarlatılmış Dikdörtgen 124"/>
            <p:cNvSpPr/>
            <p:nvPr/>
          </p:nvSpPr>
          <p:spPr>
            <a:xfrm>
              <a:off x="955343" y="3343700"/>
              <a:ext cx="1201003" cy="682388"/>
            </a:xfrm>
            <a:prstGeom prst="roundRect">
              <a:avLst/>
            </a:prstGeom>
            <a:solidFill>
              <a:srgbClr val="FF0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6" name="Serbest Form 125"/>
            <p:cNvSpPr/>
            <p:nvPr/>
          </p:nvSpPr>
          <p:spPr>
            <a:xfrm>
              <a:off x="1201742" y="3343700"/>
              <a:ext cx="11271897"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r>
                <a:rPr lang="tr-TR" sz="3600" dirty="0">
                  <a:solidFill>
                    <a:prstClr val="black"/>
                  </a:solidFill>
                </a:rPr>
                <a:t>İlim Öğrenmek</a:t>
              </a:r>
              <a:endParaRPr kumimoji="0" lang="tr-TR" sz="3600" b="0" i="0" u="none" strike="noStrike" kern="1200" cap="none" spc="0" normalizeH="0" baseline="0" noProof="0" dirty="0">
                <a:ln>
                  <a:noFill/>
                </a:ln>
                <a:solidFill>
                  <a:prstClr val="black"/>
                </a:solidFill>
                <a:effectLst/>
                <a:uLnTx/>
                <a:uFillTx/>
                <a:latin typeface="Calibri" panose="020F0502020204030204"/>
              </a:endParaRPr>
            </a:p>
          </p:txBody>
        </p:sp>
      </p:grpSp>
      <p:sp>
        <p:nvSpPr>
          <p:cNvPr id="128" name="Dikdörtgen 127"/>
          <p:cNvSpPr/>
          <p:nvPr/>
        </p:nvSpPr>
        <p:spPr>
          <a:xfrm>
            <a:off x="372677" y="4255384"/>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C</a:t>
            </a:r>
          </a:p>
        </p:txBody>
      </p:sp>
      <p:sp>
        <p:nvSpPr>
          <p:cNvPr id="129" name="Dikdörtgen 128"/>
          <p:cNvSpPr/>
          <p:nvPr/>
        </p:nvSpPr>
        <p:spPr>
          <a:xfrm>
            <a:off x="331627" y="3508251"/>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B</a:t>
            </a:r>
          </a:p>
        </p:txBody>
      </p:sp>
      <p:sp>
        <p:nvSpPr>
          <p:cNvPr id="130" name="Dikdörtgen 129"/>
          <p:cNvSpPr/>
          <p:nvPr/>
        </p:nvSpPr>
        <p:spPr>
          <a:xfrm>
            <a:off x="426950" y="5687317"/>
            <a:ext cx="66381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E</a:t>
            </a:r>
          </a:p>
        </p:txBody>
      </p:sp>
      <p:sp>
        <p:nvSpPr>
          <p:cNvPr id="26" name="Rectangle 6">
            <a:extLst>
              <a:ext uri="{FF2B5EF4-FFF2-40B4-BE49-F238E27FC236}">
                <a16:creationId xmlns:a16="http://schemas.microsoft.com/office/drawing/2014/main" id="{9007CF10-9BCC-4C67-A2C9-6EDAD53EEC34}"/>
              </a:ext>
            </a:extLst>
          </p:cNvPr>
          <p:cNvSpPr/>
          <p:nvPr/>
        </p:nvSpPr>
        <p:spPr>
          <a:xfrm>
            <a:off x="0" y="6432883"/>
            <a:ext cx="12192000" cy="452037"/>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 name="Komut Düğmesi: Geri veya Önceki 26">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8" name="Komut Düğmesi: İleri veya Sonraki 27">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9" name="Komut Düğmesi: Giriş 28">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 name="Yuvarlatılmış Dikdörtgen 2"/>
          <p:cNvSpPr/>
          <p:nvPr/>
        </p:nvSpPr>
        <p:spPr>
          <a:xfrm>
            <a:off x="9082007" y="2196885"/>
            <a:ext cx="3059895" cy="576215"/>
          </a:xfrm>
          <a:prstGeom prst="roundRect">
            <a:avLst/>
          </a:prstGeom>
          <a:solidFill>
            <a:schemeClr val="accent4">
              <a:lumMod val="60000"/>
              <a:lumOff val="40000"/>
            </a:schemeClr>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MEB Kazanım  Testleri</a:t>
            </a:r>
          </a:p>
        </p:txBody>
      </p:sp>
      <p:sp>
        <p:nvSpPr>
          <p:cNvPr id="30" name="Dikdörtgen 29"/>
          <p:cNvSpPr/>
          <p:nvPr/>
        </p:nvSpPr>
        <p:spPr>
          <a:xfrm>
            <a:off x="147502" y="5082044"/>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grpSp>
        <p:nvGrpSpPr>
          <p:cNvPr id="31" name="D"/>
          <p:cNvGrpSpPr/>
          <p:nvPr/>
        </p:nvGrpSpPr>
        <p:grpSpPr>
          <a:xfrm>
            <a:off x="561125" y="5072357"/>
            <a:ext cx="11518296" cy="543553"/>
            <a:chOff x="955343" y="3343700"/>
            <a:chExt cx="11518296" cy="682389"/>
          </a:xfrm>
        </p:grpSpPr>
        <p:sp>
          <p:nvSpPr>
            <p:cNvPr id="32" name="Yuvarlatılmış Dikdörtgen 31"/>
            <p:cNvSpPr/>
            <p:nvPr/>
          </p:nvSpPr>
          <p:spPr>
            <a:xfrm>
              <a:off x="955343" y="3343700"/>
              <a:ext cx="1201003" cy="682388"/>
            </a:xfrm>
            <a:prstGeom prst="roundRect">
              <a:avLst/>
            </a:prstGeom>
            <a:solidFill>
              <a:srgbClr val="DA64B7"/>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3" name="Serbest Form 32"/>
            <p:cNvSpPr/>
            <p:nvPr/>
          </p:nvSpPr>
          <p:spPr>
            <a:xfrm>
              <a:off x="1228299"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600" dirty="0">
                  <a:solidFill>
                    <a:prstClr val="black"/>
                  </a:solidFill>
                </a:rPr>
                <a:t>Sabırlı olmak</a:t>
              </a:r>
              <a:endParaRPr kumimoji="0" lang="tr-TR" sz="3600" b="0" i="0" u="none" strike="noStrike" kern="1200" cap="none" spc="0" normalizeH="0" baseline="0" noProof="0" dirty="0">
                <a:ln>
                  <a:noFill/>
                </a:ln>
                <a:solidFill>
                  <a:prstClr val="black"/>
                </a:solidFill>
                <a:effectLst/>
                <a:uLnTx/>
                <a:uFillTx/>
                <a:latin typeface="Calibri" panose="020F0502020204030204"/>
              </a:endParaRPr>
            </a:p>
          </p:txBody>
        </p:sp>
      </p:grpSp>
      <p:sp>
        <p:nvSpPr>
          <p:cNvPr id="34" name="Dikdörtgen 33"/>
          <p:cNvSpPr/>
          <p:nvPr/>
        </p:nvSpPr>
        <p:spPr>
          <a:xfrm>
            <a:off x="438294" y="4990190"/>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D</a:t>
            </a:r>
          </a:p>
        </p:txBody>
      </p:sp>
    </p:spTree>
    <p:custDataLst>
      <p:tags r:id="rId1"/>
    </p:custDataLst>
    <p:extLst>
      <p:ext uri="{BB962C8B-B14F-4D97-AF65-F5344CB8AC3E}">
        <p14:creationId xmlns:p14="http://schemas.microsoft.com/office/powerpoint/2010/main" val="1754230264"/>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05"/>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27"/>
                                        </p:tgtEl>
                                        <p:attrNameLst>
                                          <p:attrName>style.visibility</p:attrName>
                                        </p:attrNameLst>
                                      </p:cBhvr>
                                      <p:to>
                                        <p:strVal val="visible"/>
                                      </p:to>
                                    </p:set>
                                    <p:animEffect transition="in" filter="fade">
                                      <p:cBhvr>
                                        <p:cTn id="7" dur="1500"/>
                                        <p:tgtEl>
                                          <p:spTgt spid="127"/>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05"/>
                  </p:tgtEl>
                </p:cond>
              </p:nextCondLst>
            </p:seq>
            <p:seq concurrent="1" nextAc="seek">
              <p:cTn id="8" restart="whenNotActive" fill="hold" evtFilter="cancelBubble" nodeType="interactiveSeq">
                <p:stCondLst>
                  <p:cond evt="onClick" delay="0">
                    <p:tgtEl>
                      <p:spTgt spid="11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1"/>
                                        </p:tgtEl>
                                        <p:attrNameLst>
                                          <p:attrName>style.visibility</p:attrName>
                                        </p:attrNameLst>
                                      </p:cBhvr>
                                      <p:to>
                                        <p:strVal val="visible"/>
                                      </p:to>
                                    </p:set>
                                    <p:animEffect transition="in" filter="fade">
                                      <p:cBhvr>
                                        <p:cTn id="13" dur="1500"/>
                                        <p:tgtEl>
                                          <p:spTgt spid="131"/>
                                        </p:tgtEl>
                                      </p:cBhvr>
                                    </p:animEffect>
                                  </p:childTnLst>
                                  <p:subTnLst>
                                    <p:audio>
                                      <p:cMediaNode>
                                        <p:cTn display="0" masterRel="sameClick">
                                          <p:stCondLst>
                                            <p:cond evt="begin" delay="0">
                                              <p:tn val="11"/>
                                            </p:cond>
                                          </p:stCondLst>
                                          <p:endCondLst>
                                            <p:cond evt="onStopAudio" delay="0">
                                              <p:tgtEl>
                                                <p:sldTgt/>
                                              </p:tgtEl>
                                            </p:cond>
                                          </p:endCondLst>
                                        </p:cTn>
                                        <p:tgtEl>
                                          <p:sndTgt r:embed="rId5" name="CorrectAnswerSFX.wav"/>
                                        </p:tgtEl>
                                      </p:cMediaNode>
                                    </p:audio>
                                  </p:subTnLst>
                                </p:cTn>
                              </p:par>
                            </p:childTnLst>
                          </p:cTn>
                        </p:par>
                      </p:childTnLst>
                    </p:cTn>
                  </p:par>
                </p:childTnLst>
              </p:cTn>
              <p:nextCondLst>
                <p:cond evt="onClick" delay="0">
                  <p:tgtEl>
                    <p:spTgt spid="118"/>
                  </p:tgtEl>
                </p:cond>
              </p:nextCondLst>
            </p:seq>
            <p:seq concurrent="1" nextAc="seek">
              <p:cTn id="14" restart="whenNotActive" fill="hold" evtFilter="cancelBubble" nodeType="interactiveSeq">
                <p:stCondLst>
                  <p:cond evt="onClick" delay="0">
                    <p:tgtEl>
                      <p:spTgt spid="12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132"/>
                                        </p:tgtEl>
                                        <p:attrNameLst>
                                          <p:attrName>style.visibility</p:attrName>
                                        </p:attrNameLst>
                                      </p:cBhvr>
                                      <p:to>
                                        <p:strVal val="visible"/>
                                      </p:to>
                                    </p:set>
                                    <p:animEffect transition="in" filter="fade">
                                      <p:cBhvr>
                                        <p:cTn id="19" dur="1500"/>
                                        <p:tgtEl>
                                          <p:spTgt spid="132"/>
                                        </p:tgtEl>
                                      </p:cBhvr>
                                    </p:animEffect>
                                  </p:childTnLst>
                                  <p:subTnLst>
                                    <p:audio>
                                      <p:cMediaNode>
                                        <p:cTn display="0" masterRel="sameClick">
                                          <p:stCondLst>
                                            <p:cond evt="begin" delay="0">
                                              <p:tn val="17"/>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1"/>
                  </p:tgtEl>
                </p:cond>
              </p:nextCondLst>
            </p:seq>
            <p:seq concurrent="1" nextAc="seek">
              <p:cTn id="20" restart="whenNotActive" fill="hold" evtFilter="cancelBubble" nodeType="interactiveSeq">
                <p:stCondLst>
                  <p:cond evt="onClick" delay="0">
                    <p:tgtEl>
                      <p:spTgt spid="12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33"/>
                                        </p:tgtEl>
                                        <p:attrNameLst>
                                          <p:attrName>style.visibility</p:attrName>
                                        </p:attrNameLst>
                                      </p:cBhvr>
                                      <p:to>
                                        <p:strVal val="visible"/>
                                      </p:to>
                                    </p:set>
                                    <p:animEffect transition="in" filter="fade">
                                      <p:cBhvr>
                                        <p:cTn id="25" dur="1500"/>
                                        <p:tgtEl>
                                          <p:spTgt spid="133"/>
                                        </p:tgtEl>
                                      </p:cBhvr>
                                    </p:animEffect>
                                  </p:childTnLst>
                                  <p:subTnLst>
                                    <p:audio>
                                      <p:cMediaNode>
                                        <p:cTn display="0" masterRel="sameClick">
                                          <p:stCondLst>
                                            <p:cond evt="begin" delay="0">
                                              <p:tn val="2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124"/>
                  </p:tgtEl>
                </p:cond>
              </p:nextCondLst>
            </p:seq>
            <p:seq concurrent="1" nextAc="seek">
              <p:cTn id="26" restart="whenNotActive" fill="hold" evtFilter="cancelBubble" nodeType="interactiveSeq">
                <p:stCondLst>
                  <p:cond evt="onClick" delay="0">
                    <p:tgtEl>
                      <p:spTgt spid="31"/>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30"/>
                                        </p:tgtEl>
                                        <p:attrNameLst>
                                          <p:attrName>style.visibility</p:attrName>
                                        </p:attrNameLst>
                                      </p:cBhvr>
                                      <p:to>
                                        <p:strVal val="visible"/>
                                      </p:to>
                                    </p:set>
                                    <p:animEffect transition="in" filter="fade">
                                      <p:cBhvr>
                                        <p:cTn id="31" dur="1500"/>
                                        <p:tgtEl>
                                          <p:spTgt spid="30"/>
                                        </p:tgtEl>
                                      </p:cBhvr>
                                    </p:animEffect>
                                  </p:childTnLst>
                                  <p:subTnLst>
                                    <p:audio>
                                      <p:cMediaNode>
                                        <p:cTn display="0" masterRel="sameClick">
                                          <p:stCondLst>
                                            <p:cond evt="begin" delay="0">
                                              <p:tn val="29"/>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31"/>
                  </p:tgtEl>
                </p:cond>
              </p:nextCondLst>
            </p:seq>
          </p:childTnLst>
        </p:cTn>
      </p:par>
    </p:tnLst>
    <p:bldLst>
      <p:bldP spid="131" grpId="0" animBg="1"/>
      <p:bldP spid="132" grpId="0" animBg="1"/>
      <p:bldP spid="133" grpId="0" animBg="1"/>
      <p:bldP spid="127" grpId="0" animBg="1"/>
      <p:bldP spid="30" grpId="0" animBg="1"/>
    </p:bld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7923196" y="2755027"/>
            <a:ext cx="777481" cy="623262"/>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30" name="Dikdörtgen 29"/>
          <p:cNvSpPr/>
          <p:nvPr/>
        </p:nvSpPr>
        <p:spPr>
          <a:xfrm>
            <a:off x="7923196" y="977465"/>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1" name="Dikdörtgen 70"/>
          <p:cNvSpPr/>
          <p:nvPr/>
        </p:nvSpPr>
        <p:spPr>
          <a:xfrm>
            <a:off x="7923196" y="3604381"/>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3" name="Dikdörtgen 72"/>
          <p:cNvSpPr/>
          <p:nvPr/>
        </p:nvSpPr>
        <p:spPr>
          <a:xfrm>
            <a:off x="7923196" y="4481690"/>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4" name="Dikdörtgen 73"/>
          <p:cNvSpPr/>
          <p:nvPr/>
        </p:nvSpPr>
        <p:spPr>
          <a:xfrm>
            <a:off x="7923196" y="1854043"/>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98474" y="126609"/>
            <a:ext cx="7568418" cy="6443003"/>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lvl="0" algn="just">
              <a:lnSpc>
                <a:spcPct val="100000"/>
              </a:lnSpc>
              <a:defRPr/>
            </a:pPr>
            <a:r>
              <a:rPr lang="tr-TR" sz="2800" dirty="0"/>
              <a:t>Ayşe Nine hastalığının verdiği rahatsızlık sebebiyle gece boyunca hiç uyuyamamıştı. Vücudunda şiddetli ağrılar hissediyordu. Bir ara yatağından doğruldu, ellerini semaya doğru açtı ve şifa vermesi için Allah’a yalvarıp yakardı. Bir süre sonra sabah ezanını işitti. Güçlükle yerinden kalkıp sabah namazını kıldı. Namazdan sonra rahmetli eşinin hediye ettiği Kur’an-ı Kerim’i açtı ve hava iyice aydınlanıncaya kadar okudu. </a:t>
            </a:r>
          </a:p>
          <a:p>
            <a:pPr lvl="0" algn="just">
              <a:lnSpc>
                <a:spcPct val="100000"/>
              </a:lnSpc>
              <a:defRPr/>
            </a:pPr>
            <a:r>
              <a:rPr lang="tr-TR" sz="3200" b="1" dirty="0"/>
              <a:t>1. Bu parçada </a:t>
            </a:r>
            <a:r>
              <a:rPr lang="tr-TR" sz="3200" b="1" u="sng" dirty="0"/>
              <a:t>insanın Allah ile iletişim kurma yollarından</a:t>
            </a:r>
            <a:r>
              <a:rPr lang="tr-TR" sz="3200" b="1" dirty="0"/>
              <a:t> kaç tanesine yer verilmiştir? </a:t>
            </a:r>
            <a:endParaRPr kumimoji="0" lang="tr-TR" sz="3200" b="1" i="0" u="none" strike="noStrike" kern="1200" cap="none" spc="0" normalizeH="0" baseline="0" noProof="0" dirty="0">
              <a:ln>
                <a:noFill/>
              </a:ln>
              <a:solidFill>
                <a:prstClr val="black"/>
              </a:solidFill>
              <a:effectLst/>
              <a:uLnTx/>
              <a:uFillTx/>
              <a:latin typeface="Calibri" panose="020F0502020204030204"/>
            </a:endParaRPr>
          </a:p>
        </p:txBody>
      </p:sp>
      <p:grpSp>
        <p:nvGrpSpPr>
          <p:cNvPr id="8" name="Grup 7"/>
          <p:cNvGrpSpPr/>
          <p:nvPr/>
        </p:nvGrpSpPr>
        <p:grpSpPr>
          <a:xfrm>
            <a:off x="8644646" y="977465"/>
            <a:ext cx="3098729" cy="623261"/>
            <a:chOff x="9304418" y="1698250"/>
            <a:chExt cx="2519732" cy="623261"/>
          </a:xfrm>
          <a:solidFill>
            <a:schemeClr val="accent1">
              <a:lumMod val="60000"/>
              <a:lumOff val="40000"/>
            </a:schemeClr>
          </a:solidFill>
        </p:grpSpPr>
        <p:sp>
          <p:nvSpPr>
            <p:cNvPr id="96" name="Serbest Form 95"/>
            <p:cNvSpPr/>
            <p:nvPr/>
          </p:nvSpPr>
          <p:spPr>
            <a:xfrm>
              <a:off x="9304421" y="1698250"/>
              <a:ext cx="2519729"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lang="tr-TR" sz="3600" dirty="0">
                  <a:solidFill>
                    <a:prstClr val="black"/>
                  </a:solidFill>
                  <a:latin typeface="Calibri" panose="020F0502020204030204"/>
                </a:rPr>
                <a:t>1</a:t>
              </a:r>
              <a:endPar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7" name="İkizkenar Üçgen 6"/>
            <p:cNvSpPr/>
            <p:nvPr/>
          </p:nvSpPr>
          <p:spPr>
            <a:xfrm rot="5400000">
              <a:off x="9369777" y="1632891"/>
              <a:ext cx="623261" cy="753979"/>
            </a:xfrm>
            <a:prstGeom prst="triangle">
              <a:avLst/>
            </a:prstGeom>
            <a:solidFill>
              <a:schemeClr val="bg2">
                <a:lumMod val="50000"/>
              </a:schemeClr>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A</a:t>
              </a:r>
            </a:p>
          </p:txBody>
        </p:sp>
      </p:grpSp>
      <p:grpSp>
        <p:nvGrpSpPr>
          <p:cNvPr id="56" name="Grup 55"/>
          <p:cNvGrpSpPr/>
          <p:nvPr/>
        </p:nvGrpSpPr>
        <p:grpSpPr>
          <a:xfrm>
            <a:off x="8644646" y="3641648"/>
            <a:ext cx="3098728" cy="623261"/>
            <a:chOff x="9304418" y="1698250"/>
            <a:chExt cx="3098728" cy="623261"/>
          </a:xfrm>
        </p:grpSpPr>
        <p:sp>
          <p:nvSpPr>
            <p:cNvPr id="57" name="Serbest Form 56"/>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4</a:t>
              </a:r>
            </a:p>
          </p:txBody>
        </p:sp>
        <p:sp>
          <p:nvSpPr>
            <p:cNvPr id="58" name="İkizkenar Üçgen 57"/>
            <p:cNvSpPr/>
            <p:nvPr/>
          </p:nvSpPr>
          <p:spPr>
            <a:xfrm rot="5400000">
              <a:off x="9369777" y="1632891"/>
              <a:ext cx="623261" cy="753979"/>
            </a:xfrm>
            <a:prstGeom prst="triangle">
              <a:avLst/>
            </a:prstGeom>
            <a:solidFill>
              <a:srgbClr val="D964B5"/>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D</a:t>
              </a:r>
            </a:p>
          </p:txBody>
        </p:sp>
      </p:grpSp>
      <p:grpSp>
        <p:nvGrpSpPr>
          <p:cNvPr id="59" name="Grup 58"/>
          <p:cNvGrpSpPr/>
          <p:nvPr/>
        </p:nvGrpSpPr>
        <p:grpSpPr>
          <a:xfrm>
            <a:off x="8644646" y="4493172"/>
            <a:ext cx="3098728" cy="623261"/>
            <a:chOff x="9304418" y="1698250"/>
            <a:chExt cx="3098728" cy="623261"/>
          </a:xfrm>
        </p:grpSpPr>
        <p:sp>
          <p:nvSpPr>
            <p:cNvPr id="60" name="Serbest Form 59"/>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5</a:t>
              </a:r>
            </a:p>
          </p:txBody>
        </p:sp>
        <p:sp>
          <p:nvSpPr>
            <p:cNvPr id="61" name="İkizkenar Üçgen 60"/>
            <p:cNvSpPr/>
            <p:nvPr/>
          </p:nvSpPr>
          <p:spPr>
            <a:xfrm rot="5400000">
              <a:off x="9369777" y="1632891"/>
              <a:ext cx="623261" cy="753979"/>
            </a:xfrm>
            <a:prstGeom prst="triangle">
              <a:avLst/>
            </a:prstGeom>
            <a:solidFill>
              <a:srgbClr val="FF0000"/>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E</a:t>
              </a:r>
            </a:p>
          </p:txBody>
        </p:sp>
      </p:grpSp>
      <p:grpSp>
        <p:nvGrpSpPr>
          <p:cNvPr id="62" name="Grup 61"/>
          <p:cNvGrpSpPr/>
          <p:nvPr/>
        </p:nvGrpSpPr>
        <p:grpSpPr>
          <a:xfrm>
            <a:off x="8644646" y="1865526"/>
            <a:ext cx="3098728" cy="623261"/>
            <a:chOff x="9304418" y="1698250"/>
            <a:chExt cx="3098728" cy="623261"/>
          </a:xfrm>
        </p:grpSpPr>
        <p:sp>
          <p:nvSpPr>
            <p:cNvPr id="63" name="Serbest Form 62"/>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2</a:t>
              </a:r>
              <a:endPar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64" name="İkizkenar Üçgen 63"/>
            <p:cNvSpPr/>
            <p:nvPr/>
          </p:nvSpPr>
          <p:spPr>
            <a:xfrm rot="5400000">
              <a:off x="9369777" y="1632891"/>
              <a:ext cx="623261" cy="753979"/>
            </a:xfrm>
            <a:prstGeom prst="triangle">
              <a:avLst/>
            </a:prstGeom>
            <a:solidFill>
              <a:schemeClr val="accent4"/>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B</a:t>
              </a:r>
            </a:p>
          </p:txBody>
        </p:sp>
      </p:grpSp>
      <p:grpSp>
        <p:nvGrpSpPr>
          <p:cNvPr id="65" name="Grup 64"/>
          <p:cNvGrpSpPr/>
          <p:nvPr/>
        </p:nvGrpSpPr>
        <p:grpSpPr>
          <a:xfrm>
            <a:off x="8644646" y="2711698"/>
            <a:ext cx="3098728" cy="623261"/>
            <a:chOff x="9304418" y="1698250"/>
            <a:chExt cx="3098728" cy="623261"/>
          </a:xfrm>
        </p:grpSpPr>
        <p:sp>
          <p:nvSpPr>
            <p:cNvPr id="66" name="Serbest Form 65"/>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3</a:t>
              </a:r>
            </a:p>
          </p:txBody>
        </p:sp>
        <p:sp>
          <p:nvSpPr>
            <p:cNvPr id="67" name="İkizkenar Üçgen 66"/>
            <p:cNvSpPr/>
            <p:nvPr/>
          </p:nvSpPr>
          <p:spPr>
            <a:xfrm rot="5400000">
              <a:off x="9369777" y="1632891"/>
              <a:ext cx="623261" cy="753979"/>
            </a:xfrm>
            <a:prstGeom prst="triangle">
              <a:avLst/>
            </a:prstGeom>
            <a:solidFill>
              <a:srgbClr val="38ABB9"/>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C</a:t>
              </a:r>
            </a:p>
          </p:txBody>
        </p:sp>
      </p:grpSp>
      <p:sp>
        <p:nvSpPr>
          <p:cNvPr id="24" name="Yuvarlatılmış Dikdörtgen 23"/>
          <p:cNvSpPr/>
          <p:nvPr/>
        </p:nvSpPr>
        <p:spPr>
          <a:xfrm>
            <a:off x="9021636" y="0"/>
            <a:ext cx="3163752" cy="495233"/>
          </a:xfrm>
          <a:prstGeom prst="roundRect">
            <a:avLst/>
          </a:prstGeom>
          <a:solidFill>
            <a:srgbClr val="C00000"/>
          </a:solidFill>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white"/>
                </a:solidFill>
                <a:effectLst/>
                <a:uLnTx/>
                <a:uFillTx/>
                <a:latin typeface="Calibri" panose="020F0502020204030204"/>
                <a:ea typeface="+mn-ea"/>
                <a:cs typeface="+mn-cs"/>
              </a:rPr>
              <a:t>MEB Kazanım Testleri</a:t>
            </a:r>
          </a:p>
        </p:txBody>
      </p:sp>
      <p:sp>
        <p:nvSpPr>
          <p:cNvPr id="25" name="Komut Düğmesi: Geri veya Önceki 24">
            <a:hlinkClick r:id="" action="ppaction://hlinkshowjump?jump=previousslide" highlightClick="1"/>
          </p:cNvPr>
          <p:cNvSpPr/>
          <p:nvPr/>
        </p:nvSpPr>
        <p:spPr>
          <a:xfrm>
            <a:off x="10619874" y="6463472"/>
            <a:ext cx="437317" cy="394528"/>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6" name="Komut Düğmesi: İleri veya Sonraki 25">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7" name="Komut Düğmesi: Giriş 26">
            <a:hlinkClick r:id="" action="ppaction://hlinkshowjump?jump=firstslide" highlightClick="1"/>
          </p:cNvPr>
          <p:cNvSpPr/>
          <p:nvPr/>
        </p:nvSpPr>
        <p:spPr>
          <a:xfrm>
            <a:off x="11137184" y="6475244"/>
            <a:ext cx="526199" cy="3936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3670127304"/>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8"/>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fade">
                                      <p:cBhvr>
                                        <p:cTn id="7" dur="1000"/>
                                        <p:tgtEl>
                                          <p:spTgt spid="30"/>
                                        </p:tgtEl>
                                      </p:cBhvr>
                                    </p:animEffect>
                                  </p:childTnLst>
                                  <p:subTnLst>
                                    <p:audio>
                                      <p:cMediaNode>
                                        <p:cTn display="0" masterRel="sameClick">
                                          <p:stCondLst>
                                            <p:cond evt="begin" delay="0">
                                              <p:tn val="5"/>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8"/>
                  </p:tgtEl>
                </p:cond>
              </p:nextCondLst>
            </p:seq>
            <p:seq concurrent="1" nextAc="seek">
              <p:cTn id="8" restart="whenNotActive" fill="hold" evtFilter="cancelBubble" nodeType="interactiveSeq">
                <p:stCondLst>
                  <p:cond evt="onClick" delay="0">
                    <p:tgtEl>
                      <p:spTgt spid="56"/>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71"/>
                                        </p:tgtEl>
                                        <p:attrNameLst>
                                          <p:attrName>style.visibility</p:attrName>
                                        </p:attrNameLst>
                                      </p:cBhvr>
                                      <p:to>
                                        <p:strVal val="visible"/>
                                      </p:to>
                                    </p:set>
                                    <p:animEffect transition="in" filter="fade">
                                      <p:cBhvr>
                                        <p:cTn id="13" dur="1000"/>
                                        <p:tgtEl>
                                          <p:spTgt spid="71"/>
                                        </p:tgtEl>
                                      </p:cBhvr>
                                    </p:animEffect>
                                  </p:childTnLst>
                                  <p:subTnLst>
                                    <p:audio>
                                      <p:cMediaNode>
                                        <p:cTn display="0" masterRel="sameClick">
                                          <p:stCondLst>
                                            <p:cond evt="begin" delay="0">
                                              <p:tn val="11"/>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56"/>
                  </p:tgtEl>
                </p:cond>
              </p:nextCondLst>
            </p:seq>
            <p:seq concurrent="1" nextAc="seek">
              <p:cTn id="14" restart="whenNotActive" fill="hold" evtFilter="cancelBubble" nodeType="interactiveSeq">
                <p:stCondLst>
                  <p:cond evt="onClick" delay="0">
                    <p:tgtEl>
                      <p:spTgt spid="59"/>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100"/>
                                  </p:stCondLst>
                                  <p:childTnLst>
                                    <p:set>
                                      <p:cBhvr>
                                        <p:cTn id="18" dur="1" fill="hold">
                                          <p:stCondLst>
                                            <p:cond delay="0"/>
                                          </p:stCondLst>
                                        </p:cTn>
                                        <p:tgtEl>
                                          <p:spTgt spid="73"/>
                                        </p:tgtEl>
                                        <p:attrNameLst>
                                          <p:attrName>style.visibility</p:attrName>
                                        </p:attrNameLst>
                                      </p:cBhvr>
                                      <p:to>
                                        <p:strVal val="visible"/>
                                      </p:to>
                                    </p:set>
                                    <p:animEffect transition="in" filter="fade">
                                      <p:cBhvr>
                                        <p:cTn id="19" dur="1000"/>
                                        <p:tgtEl>
                                          <p:spTgt spid="73"/>
                                        </p:tgtEl>
                                      </p:cBhvr>
                                    </p:animEffect>
                                  </p:childTnLst>
                                  <p:subTnLst>
                                    <p:audio>
                                      <p:cMediaNode>
                                        <p:cTn display="0" masterRel="sameClick">
                                          <p:stCondLst>
                                            <p:cond evt="begin" delay="0">
                                              <p:tn val="17"/>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59"/>
                  </p:tgtEl>
                </p:cond>
              </p:nextCondLst>
            </p:seq>
            <p:seq concurrent="1" nextAc="seek">
              <p:cTn id="20" restart="whenNotActive" fill="hold" evtFilter="cancelBubble" nodeType="interactiveSeq">
                <p:stCondLst>
                  <p:cond evt="onClick" delay="0">
                    <p:tgtEl>
                      <p:spTgt spid="62"/>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74"/>
                                        </p:tgtEl>
                                        <p:attrNameLst>
                                          <p:attrName>style.visibility</p:attrName>
                                        </p:attrNameLst>
                                      </p:cBhvr>
                                      <p:to>
                                        <p:strVal val="visible"/>
                                      </p:to>
                                    </p:set>
                                    <p:animEffect transition="in" filter="fade">
                                      <p:cBhvr>
                                        <p:cTn id="25" dur="1250"/>
                                        <p:tgtEl>
                                          <p:spTgt spid="74"/>
                                        </p:tgtEl>
                                      </p:cBhvr>
                                    </p:animEffect>
                                  </p:childTnLst>
                                  <p:subTnLst>
                                    <p:audio>
                                      <p:cMediaNode>
                                        <p:cTn display="0" masterRel="sameClick">
                                          <p:stCondLst>
                                            <p:cond evt="begin" delay="0">
                                              <p:tn val="23"/>
                                            </p:cond>
                                          </p:stCondLst>
                                          <p:endCondLst>
                                            <p:cond evt="onStopAudio" delay="0">
                                              <p:tgtEl>
                                                <p:sldTgt/>
                                              </p:tgtEl>
                                            </p:cond>
                                          </p:endCondLst>
                                        </p:cTn>
                                        <p:tgtEl>
                                          <p:sndTgt r:embed="rId4" name="WrongAnswerSFX.wav"/>
                                        </p:tgtEl>
                                      </p:cMediaNode>
                                    </p:audio>
                                  </p:subTnLst>
                                </p:cTn>
                              </p:par>
                            </p:childTnLst>
                          </p:cTn>
                        </p:par>
                      </p:childTnLst>
                    </p:cTn>
                  </p:par>
                </p:childTnLst>
              </p:cTn>
              <p:nextCondLst>
                <p:cond evt="onClick" delay="0">
                  <p:tgtEl>
                    <p:spTgt spid="62"/>
                  </p:tgtEl>
                </p:cond>
              </p:nextCondLst>
            </p:seq>
            <p:seq concurrent="1" nextAc="seek">
              <p:cTn id="26" restart="whenNotActive" fill="hold" evtFilter="cancelBubble" nodeType="interactiveSeq">
                <p:stCondLst>
                  <p:cond evt="onClick" delay="0">
                    <p:tgtEl>
                      <p:spTgt spid="65"/>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131"/>
                                        </p:tgtEl>
                                        <p:attrNameLst>
                                          <p:attrName>style.visibility</p:attrName>
                                        </p:attrNameLst>
                                      </p:cBhvr>
                                      <p:to>
                                        <p:strVal val="visible"/>
                                      </p:to>
                                    </p:set>
                                    <p:animEffect transition="in" filter="fade">
                                      <p:cBhvr>
                                        <p:cTn id="31" dur="1500"/>
                                        <p:tgtEl>
                                          <p:spTgt spid="131"/>
                                        </p:tgtEl>
                                      </p:cBhvr>
                                    </p:animEffect>
                                  </p:childTnLst>
                                  <p:subTnLst>
                                    <p:audio>
                                      <p:cMediaNode>
                                        <p:cTn display="0" masterRel="sameClick">
                                          <p:stCondLst>
                                            <p:cond evt="begin" delay="0">
                                              <p:tn val="29"/>
                                            </p:cond>
                                          </p:stCondLst>
                                          <p:endCondLst>
                                            <p:cond evt="onStopAudio" delay="0">
                                              <p:tgtEl>
                                                <p:sldTgt/>
                                              </p:tgtEl>
                                            </p:cond>
                                          </p:endCondLst>
                                        </p:cTn>
                                        <p:tgtEl>
                                          <p:sndTgt r:embed="rId5" name="CorrectAnswerSFX.wav"/>
                                        </p:tgtEl>
                                      </p:cMediaNode>
                                    </p:audio>
                                  </p:subTnLst>
                                </p:cTn>
                              </p:par>
                            </p:childTnLst>
                          </p:cTn>
                        </p:par>
                      </p:childTnLst>
                    </p:cTn>
                  </p:par>
                </p:childTnLst>
              </p:cTn>
              <p:nextCondLst>
                <p:cond evt="onClick" delay="0">
                  <p:tgtEl>
                    <p:spTgt spid="65"/>
                  </p:tgtEl>
                </p:cond>
              </p:nextCondLst>
            </p:seq>
          </p:childTnLst>
        </p:cTn>
      </p:par>
    </p:tnLst>
    <p:bldLst>
      <p:bldP spid="131" grpId="0" animBg="1"/>
      <p:bldP spid="30" grpId="0" animBg="1"/>
      <p:bldP spid="71" grpId="0" animBg="1"/>
      <p:bldP spid="73" grpId="0" animBg="1"/>
      <p:bldP spid="74"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aaf">
            <a:extLst>
              <a:ext uri="{FF2B5EF4-FFF2-40B4-BE49-F238E27FC236}">
                <a16:creationId xmlns:a16="http://schemas.microsoft.com/office/drawing/2014/main" id="{3B727CD9-B022-47C8-A57C-6858F24361DA}"/>
              </a:ext>
            </a:extLst>
          </p:cNvPr>
          <p:cNvSpPr/>
          <p:nvPr/>
        </p:nvSpPr>
        <p:spPr>
          <a:xfrm>
            <a:off x="292561" y="1106905"/>
            <a:ext cx="5434471" cy="4764506"/>
          </a:xfrm>
          <a:prstGeom prst="roundRect">
            <a:avLst>
              <a:gd name="adj" fmla="val 8958"/>
            </a:avLst>
          </a:prstGeom>
          <a:noFill/>
          <a:ln w="25400">
            <a:solidFill>
              <a:srgbClr val="BDCF2D"/>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ko-KR" altLang="en-US">
              <a:solidFill>
                <a:schemeClr val="tx1"/>
              </a:solidFill>
            </a:endParaRPr>
          </a:p>
        </p:txBody>
      </p:sp>
      <p:sp>
        <p:nvSpPr>
          <p:cNvPr id="8" name="sada">
            <a:extLst>
              <a:ext uri="{FF2B5EF4-FFF2-40B4-BE49-F238E27FC236}">
                <a16:creationId xmlns:a16="http://schemas.microsoft.com/office/drawing/2014/main" id="{F032739F-CD33-413D-B4F8-277DE0E2035C}"/>
              </a:ext>
            </a:extLst>
          </p:cNvPr>
          <p:cNvSpPr/>
          <p:nvPr/>
        </p:nvSpPr>
        <p:spPr>
          <a:xfrm>
            <a:off x="1767890" y="691904"/>
            <a:ext cx="2483812" cy="737937"/>
          </a:xfrm>
          <a:prstGeom prst="roundRect">
            <a:avLst>
              <a:gd name="adj" fmla="val 50000"/>
            </a:avLst>
          </a:prstGeom>
          <a:solidFill>
            <a:schemeClr val="bg1"/>
          </a:solidFill>
          <a:ln w="25400">
            <a:solidFill>
              <a:srgbClr val="BDCF2D"/>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altLang="ko-KR" sz="4400" dirty="0">
                <a:solidFill>
                  <a:srgbClr val="BDCF2D"/>
                </a:solidFill>
                <a:latin typeface="Arial" panose="020B0604020202020204" pitchFamily="34" charset="0"/>
                <a:ea typeface="맑은 고딕" panose="020B0503020000020004" pitchFamily="50" charset="-127"/>
                <a:cs typeface="Arial" panose="020B0604020202020204" pitchFamily="34" charset="0"/>
              </a:rPr>
              <a:t>DUA</a:t>
            </a:r>
            <a:endParaRPr lang="ko-KR" altLang="en-US" sz="4400" dirty="0">
              <a:solidFill>
                <a:srgbClr val="BDCF2D"/>
              </a:solidFill>
              <a:latin typeface="Arial" panose="020B0604020202020204" pitchFamily="34" charset="0"/>
              <a:ea typeface="맑은 고딕" panose="020B0503020000020004" pitchFamily="50" charset="-127"/>
              <a:cs typeface="Arial" panose="020B0604020202020204" pitchFamily="34" charset="0"/>
            </a:endParaRPr>
          </a:p>
        </p:txBody>
      </p:sp>
      <p:sp>
        <p:nvSpPr>
          <p:cNvPr id="9" name="Dikdörtgen 8"/>
          <p:cNvSpPr/>
          <p:nvPr/>
        </p:nvSpPr>
        <p:spPr>
          <a:xfrm>
            <a:off x="422902" y="1752778"/>
            <a:ext cx="5173788" cy="3709349"/>
          </a:xfrm>
          <a:prstGeom prst="rect">
            <a:avLst/>
          </a:prstGeom>
        </p:spPr>
        <p:txBody>
          <a:bodyPr wrap="square">
            <a:spAutoFit/>
          </a:bodyPr>
          <a:lstStyle/>
          <a:p>
            <a:pPr algn="just">
              <a:lnSpc>
                <a:spcPct val="150000"/>
              </a:lnSpc>
            </a:pPr>
            <a:r>
              <a:rPr lang="tr-TR" sz="3200" dirty="0"/>
              <a:t>Dua, Allah Teâlâ’nın yüceliği karşısında kulun aczini itiraf etmesi, isteklerini O’na arz ederek O’nun lütuf ve yardımını dilemesidir.</a:t>
            </a:r>
          </a:p>
        </p:txBody>
      </p:sp>
      <p:pic>
        <p:nvPicPr>
          <p:cNvPr id="11" name="Resim 10"/>
          <p:cNvPicPr>
            <a:picLocks noChangeAspect="1"/>
          </p:cNvPicPr>
          <p:nvPr/>
        </p:nvPicPr>
        <p:blipFill rotWithShape="1">
          <a:blip r:embed="rId4"/>
          <a:srcRect l="47224" b="2281"/>
          <a:stretch/>
        </p:blipFill>
        <p:spPr>
          <a:xfrm>
            <a:off x="5857373" y="352927"/>
            <a:ext cx="6132274" cy="5848764"/>
          </a:xfrm>
          <a:prstGeom prst="rect">
            <a:avLst/>
          </a:prstGeom>
        </p:spPr>
      </p:pic>
    </p:spTree>
    <p:custDataLst>
      <p:tags r:id="rId1"/>
    </p:custDataLst>
    <p:extLst>
      <p:ext uri="{BB962C8B-B14F-4D97-AF65-F5344CB8AC3E}">
        <p14:creationId xmlns:p14="http://schemas.microsoft.com/office/powerpoint/2010/main" val="323803236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down)">
                                      <p:cBhvr>
                                        <p:cTn id="7" dur="500"/>
                                        <p:tgtEl>
                                          <p:spTgt spid="2"/>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8"/>
                                        </p:tgtEl>
                                        <p:attrNameLst>
                                          <p:attrName>style.visibility</p:attrName>
                                        </p:attrNameLst>
                                      </p:cBhvr>
                                      <p:to>
                                        <p:strVal val="visible"/>
                                      </p:to>
                                    </p:set>
                                    <p:animEffect transition="in" filter="wipe(down)">
                                      <p:cBhvr>
                                        <p:cTn id="10" dur="500"/>
                                        <p:tgtEl>
                                          <p:spTgt spid="8"/>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8" fill="hold" grpId="0" nodeType="clickEffect">
                                  <p:stCondLst>
                                    <p:cond delay="0"/>
                                  </p:stCondLst>
                                  <p:childTnLst>
                                    <p:set>
                                      <p:cBhvr>
                                        <p:cTn id="14" dur="1" fill="hold">
                                          <p:stCondLst>
                                            <p:cond delay="0"/>
                                          </p:stCondLst>
                                        </p:cTn>
                                        <p:tgtEl>
                                          <p:spTgt spid="9"/>
                                        </p:tgtEl>
                                        <p:attrNameLst>
                                          <p:attrName>style.visibility</p:attrName>
                                        </p:attrNameLst>
                                      </p:cBhvr>
                                      <p:to>
                                        <p:strVal val="visible"/>
                                      </p:to>
                                    </p:set>
                                    <p:animEffect transition="in" filter="wipe(left)">
                                      <p:cBhvr>
                                        <p:cTn id="15" dur="500"/>
                                        <p:tgtEl>
                                          <p:spTgt spid="9"/>
                                        </p:tgtEl>
                                      </p:cBhvr>
                                    </p:animEffect>
                                  </p:childTnLst>
                                </p:cTn>
                              </p:par>
                            </p:childTnLst>
                          </p:cTn>
                        </p:par>
                        <p:par>
                          <p:cTn id="16" fill="hold">
                            <p:stCondLst>
                              <p:cond delay="500"/>
                            </p:stCondLst>
                            <p:childTnLst>
                              <p:par>
                                <p:cTn id="17" presetID="22" presetClass="entr" presetSubtype="4" fill="hold" nodeType="afterEffect">
                                  <p:stCondLst>
                                    <p:cond delay="0"/>
                                  </p:stCondLst>
                                  <p:childTnLst>
                                    <p:set>
                                      <p:cBhvr>
                                        <p:cTn id="18" dur="1" fill="hold">
                                          <p:stCondLst>
                                            <p:cond delay="0"/>
                                          </p:stCondLst>
                                        </p:cTn>
                                        <p:tgtEl>
                                          <p:spTgt spid="11"/>
                                        </p:tgtEl>
                                        <p:attrNameLst>
                                          <p:attrName>style.visibility</p:attrName>
                                        </p:attrNameLst>
                                      </p:cBhvr>
                                      <p:to>
                                        <p:strVal val="visible"/>
                                      </p:to>
                                    </p:set>
                                    <p:animEffect transition="in" filter="wipe(down)">
                                      <p:cBhvr>
                                        <p:cTn id="19"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8" grpId="0" animBg="1"/>
      <p:bldP spid="9" grpId="0"/>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0" y="-21578"/>
            <a:ext cx="12186017" cy="193576"/>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 name="TextBox 4"/>
            <p:cNvSpPr txBox="1"/>
            <p:nvPr/>
          </p:nvSpPr>
          <p:spPr>
            <a:xfrm>
              <a:off x="0" y="-9525"/>
              <a:ext cx="6355159" cy="387815"/>
            </a:xfrm>
            <a:prstGeom prst="rect">
              <a:avLst/>
            </a:prstGeom>
            <a:grpFill/>
          </p:spPr>
          <p:txBody>
            <a:bodyPr lIns="33867" tIns="33867" rIns="33867" bIns="33867" rtlCol="0" anchor="ctr"/>
            <a:lstStyle/>
            <a:p>
              <a:pPr marL="0" marR="0" lvl="0" indent="0" algn="ctr" defTabSz="60963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7" name="Group 17"/>
          <p:cNvGrpSpPr/>
          <p:nvPr/>
        </p:nvGrpSpPr>
        <p:grpSpPr>
          <a:xfrm>
            <a:off x="2409291" y="6725978"/>
            <a:ext cx="9776726" cy="149298"/>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9" name="TextBox 19"/>
            <p:cNvSpPr txBox="1"/>
            <p:nvPr/>
          </p:nvSpPr>
          <p:spPr>
            <a:xfrm>
              <a:off x="0" y="-9525"/>
              <a:ext cx="6355159" cy="387815"/>
            </a:xfrm>
            <a:prstGeom prst="rect">
              <a:avLst/>
            </a:prstGeom>
            <a:grpFill/>
          </p:spPr>
          <p:txBody>
            <a:bodyPr lIns="33867" tIns="33867" rIns="33867" bIns="33867" rtlCol="0" anchor="ctr"/>
            <a:lstStyle/>
            <a:p>
              <a:pPr marL="0" marR="0" lvl="0" indent="0" algn="ctr" defTabSz="60963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24" name="Freeform 24"/>
          <p:cNvSpPr/>
          <p:nvPr/>
        </p:nvSpPr>
        <p:spPr>
          <a:xfrm>
            <a:off x="7208874" y="754912"/>
            <a:ext cx="4977143" cy="56126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30" name="TextBox 30"/>
          <p:cNvSpPr txBox="1"/>
          <p:nvPr/>
        </p:nvSpPr>
        <p:spPr>
          <a:xfrm>
            <a:off x="1454266" y="671383"/>
            <a:ext cx="4478017" cy="662938"/>
          </a:xfrm>
          <a:prstGeom prst="rect">
            <a:avLst/>
          </a:prstGeom>
          <a:solidFill>
            <a:srgbClr val="FDF7F5"/>
          </a:solidFill>
        </p:spPr>
        <p:txBody>
          <a:bodyPr wrap="square" lIns="0" tIns="0" rIns="0" bIns="0" rtlCol="0" anchor="t">
            <a:spAutoFit/>
          </a:bodyPr>
          <a:lstStyle/>
          <a:p>
            <a:pPr marL="0" marR="0" lvl="0" indent="0" algn="l" defTabSz="609630" rtl="0" eaLnBrk="1" fontAlgn="auto" latinLnBrk="0" hangingPunct="1">
              <a:lnSpc>
                <a:spcPts val="5846"/>
              </a:lnSpc>
              <a:spcBef>
                <a:spcPts val="0"/>
              </a:spcBef>
              <a:spcAft>
                <a:spcPts val="0"/>
              </a:spcAft>
              <a:buClrTx/>
              <a:buSzTx/>
              <a:buFontTx/>
              <a:buNone/>
              <a:tabLst/>
              <a:defRPr/>
            </a:pPr>
            <a:r>
              <a:rPr kumimoji="0" lang="en-US" sz="3600" b="0" i="0" u="none" strike="noStrike" kern="1200" cap="none" spc="83" normalizeH="0" baseline="0" noProof="0" dirty="0">
                <a:ln>
                  <a:noFill/>
                </a:ln>
                <a:solidFill>
                  <a:srgbClr val="4F4C4C"/>
                </a:solidFill>
                <a:effectLst/>
                <a:uLnTx/>
                <a:uFillTx/>
                <a:latin typeface="Helvetica" panose="020B0604020202020204" pitchFamily="34" charset="0"/>
                <a:ea typeface="+mn-ea"/>
                <a:cs typeface="Helvetica" panose="020B0604020202020204" pitchFamily="34" charset="0"/>
              </a:rPr>
              <a:t>MUSTAFA YILDIRIM</a:t>
            </a:r>
          </a:p>
        </p:txBody>
      </p:sp>
      <p:sp>
        <p:nvSpPr>
          <p:cNvPr id="31" name="TextBox 31"/>
          <p:cNvSpPr txBox="1"/>
          <p:nvPr/>
        </p:nvSpPr>
        <p:spPr>
          <a:xfrm>
            <a:off x="189550" y="1339849"/>
            <a:ext cx="7218045" cy="398314"/>
          </a:xfrm>
          <a:prstGeom prst="rect">
            <a:avLst/>
          </a:prstGeom>
        </p:spPr>
        <p:txBody>
          <a:bodyPr wrap="square" lIns="0" tIns="0" rIns="0" bIns="0" rtlCol="0" anchor="t">
            <a:spAutoFit/>
          </a:bodyPr>
          <a:lstStyle/>
          <a:p>
            <a:pPr marL="0" marR="0" lvl="0" indent="0" algn="l" defTabSz="609630" rtl="0" eaLnBrk="1" fontAlgn="auto" latinLnBrk="0" hangingPunct="1">
              <a:lnSpc>
                <a:spcPts val="3419"/>
              </a:lnSpc>
              <a:spcBef>
                <a:spcPts val="0"/>
              </a:spcBef>
              <a:spcAft>
                <a:spcPts val="0"/>
              </a:spcAft>
              <a:buClrTx/>
              <a:buSzTx/>
              <a:buFontTx/>
              <a:buNone/>
              <a:tabLst/>
              <a:defRPr/>
            </a:pPr>
            <a:r>
              <a:rPr kumimoji="0" lang="en-US" sz="2400" b="0" i="0" u="none" strike="noStrike" kern="1200" cap="none" spc="0" normalizeH="0" baseline="0" noProof="0" dirty="0">
                <a:ln>
                  <a:noFill/>
                </a:ln>
                <a:solidFill>
                  <a:srgbClr val="34ADF5"/>
                </a:solidFill>
                <a:effectLst/>
                <a:uLnTx/>
                <a:uFillTx/>
                <a:latin typeface="Helvetica" panose="020B0604020202020204" pitchFamily="34" charset="0"/>
                <a:ea typeface="+mn-ea"/>
                <a:cs typeface="Helvetica" panose="020B0604020202020204" pitchFamily="34" charset="0"/>
              </a:rPr>
              <a:t>DİN KÜLTÜRÜ VE AHLAK BİLGİSİ ÖĞRETMENİ</a:t>
            </a:r>
          </a:p>
        </p:txBody>
      </p:sp>
      <p:sp>
        <p:nvSpPr>
          <p:cNvPr id="32" name="TextBox 32">
            <a:hlinkClick r:id="rId5"/>
          </p:cNvPr>
          <p:cNvSpPr txBox="1"/>
          <p:nvPr/>
        </p:nvSpPr>
        <p:spPr>
          <a:xfrm>
            <a:off x="1315301" y="2390701"/>
            <a:ext cx="4249688" cy="456343"/>
          </a:xfrm>
          <a:prstGeom prst="rect">
            <a:avLst/>
          </a:prstGeom>
        </p:spPr>
        <p:txBody>
          <a:bodyPr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www.dindersimateryal.com</a:t>
            </a:r>
          </a:p>
        </p:txBody>
      </p:sp>
      <p:sp>
        <p:nvSpPr>
          <p:cNvPr id="40" name="Freeform 26">
            <a:hlinkClick r:id="rId6"/>
            <a:extLst>
              <a:ext uri="{FF2B5EF4-FFF2-40B4-BE49-F238E27FC236}">
                <a16:creationId xmlns:a16="http://schemas.microsoft.com/office/drawing/2014/main" id="{0F1ECF8B-A9EF-DBDA-9C9E-593E2186275D}"/>
              </a:ext>
            </a:extLst>
          </p:cNvPr>
          <p:cNvSpPr/>
          <p:nvPr/>
        </p:nvSpPr>
        <p:spPr>
          <a:xfrm>
            <a:off x="381564" y="3232437"/>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4" name="Freeform 30">
            <a:hlinkClick r:id="rId7"/>
            <a:extLst>
              <a:ext uri="{FF2B5EF4-FFF2-40B4-BE49-F238E27FC236}">
                <a16:creationId xmlns:a16="http://schemas.microsoft.com/office/drawing/2014/main" id="{96B76201-8A16-0B6C-9A7C-D2D4AD3F8CE8}"/>
              </a:ext>
            </a:extLst>
          </p:cNvPr>
          <p:cNvSpPr/>
          <p:nvPr/>
        </p:nvSpPr>
        <p:spPr>
          <a:xfrm>
            <a:off x="381564" y="4251626"/>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6" name="Freeform 32">
            <a:hlinkClick r:id="rId7"/>
            <a:extLst>
              <a:ext uri="{FF2B5EF4-FFF2-40B4-BE49-F238E27FC236}">
                <a16:creationId xmlns:a16="http://schemas.microsoft.com/office/drawing/2014/main" id="{E084193D-FFF4-8C43-63FC-081DCB4030C2}"/>
              </a:ext>
            </a:extLst>
          </p:cNvPr>
          <p:cNvSpPr/>
          <p:nvPr/>
        </p:nvSpPr>
        <p:spPr>
          <a:xfrm>
            <a:off x="515604" y="4394555"/>
            <a:ext cx="618314" cy="600537"/>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7" name="Freeform 33">
            <a:hlinkClick r:id="rId6"/>
            <a:extLst>
              <a:ext uri="{FF2B5EF4-FFF2-40B4-BE49-F238E27FC236}">
                <a16:creationId xmlns:a16="http://schemas.microsoft.com/office/drawing/2014/main" id="{45ED86CA-DED7-1114-1799-C4B31903F606}"/>
              </a:ext>
            </a:extLst>
          </p:cNvPr>
          <p:cNvSpPr/>
          <p:nvPr/>
        </p:nvSpPr>
        <p:spPr>
          <a:xfrm>
            <a:off x="499316" y="3350189"/>
            <a:ext cx="650891" cy="650891"/>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10">
              <a:extLst>
                <a:ext uri="{96DAC541-7B7A-43D3-8B79-37D633B846F1}">
                  <asvg:svgBlip xmlns:asvg="http://schemas.microsoft.com/office/drawing/2016/SVG/main" r:embed="rId11"/>
                </a:ext>
              </a:extLst>
            </a:blip>
            <a:stretch>
              <a:fillRect/>
            </a:stretch>
          </a:blipFill>
          <a:ln cap="sq">
            <a:noFill/>
            <a:prstDash val="solid"/>
            <a:miter/>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315302" y="3428676"/>
            <a:ext cx="2810132" cy="456343"/>
          </a:xfrm>
          <a:prstGeom prst="rect">
            <a:avLst/>
          </a:prstGeom>
        </p:spPr>
        <p:txBody>
          <a:bodyPr wrap="square"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1344453" y="4466651"/>
            <a:ext cx="4249688" cy="456343"/>
          </a:xfrm>
          <a:prstGeom prst="rect">
            <a:avLst/>
          </a:prstGeom>
        </p:spPr>
        <p:txBody>
          <a:bodyPr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t.me/</a:t>
            </a:r>
            <a:r>
              <a:rPr kumimoji="0" lang="en-US" sz="2400" b="0" i="0" u="none" strike="noStrike" kern="1200" cap="none" spc="31" normalizeH="0" baseline="0" noProof="0" dirty="0" err="1">
                <a:ln>
                  <a:noFill/>
                </a:ln>
                <a:solidFill>
                  <a:srgbClr val="4F4C4C"/>
                </a:solidFill>
                <a:effectLst/>
                <a:uLnTx/>
                <a:uFillTx/>
                <a:latin typeface="Calibri"/>
                <a:ea typeface="+mn-ea"/>
                <a:cs typeface="+mn-cs"/>
              </a:rPr>
              <a:t>Dindersimateryalcom</a:t>
            </a:r>
            <a:endParaRPr kumimoji="0" lang="en-US" sz="2400" b="0" i="0" u="none" strike="noStrike" kern="1200" cap="none" spc="31" normalizeH="0" baseline="0" noProof="0" dirty="0">
              <a:ln>
                <a:noFill/>
              </a:ln>
              <a:solidFill>
                <a:srgbClr val="4F4C4C"/>
              </a:solidFill>
              <a:effectLst/>
              <a:uLnTx/>
              <a:uFillTx/>
              <a:latin typeface="Calibri"/>
              <a:ea typeface="+mn-ea"/>
              <a:cs typeface="+mn-cs"/>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6300344"/>
            <a:ext cx="2555318" cy="574931"/>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25" name="Freeform 26">
            <a:hlinkClick r:id="rId5"/>
            <a:extLst>
              <a:ext uri="{FF2B5EF4-FFF2-40B4-BE49-F238E27FC236}">
                <a16:creationId xmlns:a16="http://schemas.microsoft.com/office/drawing/2014/main" id="{15BD4A1E-862B-3E27-AAF4-D7BE6547A232}"/>
              </a:ext>
            </a:extLst>
          </p:cNvPr>
          <p:cNvSpPr/>
          <p:nvPr/>
        </p:nvSpPr>
        <p:spPr>
          <a:xfrm>
            <a:off x="381564" y="2213248"/>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6" name="Freeform 34">
            <a:hlinkClick r:id="rId5"/>
            <a:extLst>
              <a:ext uri="{FF2B5EF4-FFF2-40B4-BE49-F238E27FC236}">
                <a16:creationId xmlns:a16="http://schemas.microsoft.com/office/drawing/2014/main" id="{D7FA7AE3-A9C8-0347-F9F6-7FBCED15D233}"/>
              </a:ext>
            </a:extLst>
          </p:cNvPr>
          <p:cNvSpPr/>
          <p:nvPr/>
        </p:nvSpPr>
        <p:spPr>
          <a:xfrm>
            <a:off x="446630" y="2290131"/>
            <a:ext cx="756262" cy="732629"/>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custDataLst>
      <p:tags r:id="rId1"/>
    </p:custData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bg1">
                <a:lumMod val="95000"/>
              </a:schemeClr>
            </a:gs>
          </a:gsLst>
          <a:lin ang="5400000" scaled="1"/>
          <a:tileRect/>
        </a:gradFill>
        <a:effectLst/>
      </p:bgPr>
    </p:bg>
    <p:spTree>
      <p:nvGrpSpPr>
        <p:cNvPr id="1" name=""/>
        <p:cNvGrpSpPr/>
        <p:nvPr/>
      </p:nvGrpSpPr>
      <p:grpSpPr>
        <a:xfrm>
          <a:off x="0" y="0"/>
          <a:ext cx="0" cy="0"/>
          <a:chOff x="0" y="0"/>
          <a:chExt cx="0" cy="0"/>
        </a:xfrm>
      </p:grpSpPr>
      <p:sp>
        <p:nvSpPr>
          <p:cNvPr id="9" name="Yuvarlatılmış Dikdörtgen 8"/>
          <p:cNvSpPr/>
          <p:nvPr>
            <p:custDataLst>
              <p:tags r:id="rId2"/>
            </p:custDataLst>
          </p:nvPr>
        </p:nvSpPr>
        <p:spPr>
          <a:xfrm rot="3936893">
            <a:off x="110755" y="2704229"/>
            <a:ext cx="2056003" cy="869592"/>
          </a:xfrm>
          <a:prstGeom prst="roundRect">
            <a:avLst/>
          </a:prstGeom>
          <a:gradFill rotWithShape="1">
            <a:gsLst>
              <a:gs pos="0">
                <a:schemeClr val="accent2">
                  <a:lumMod val="110000"/>
                  <a:satMod val="105000"/>
                  <a:tint val="67000"/>
                </a:schemeClr>
              </a:gs>
              <a:gs pos="50000">
                <a:schemeClr val="accent2">
                  <a:lumMod val="105000"/>
                  <a:satMod val="103000"/>
                  <a:tint val="73000"/>
                </a:schemeClr>
              </a:gs>
              <a:gs pos="100000">
                <a:schemeClr val="accent2">
                  <a:lumMod val="105000"/>
                  <a:satMod val="109000"/>
                  <a:tint val="81000"/>
                </a:schemeClr>
              </a:gs>
            </a:gsLst>
            <a:lin ang="5400000" scaled="0"/>
          </a:gradFill>
          <a:ln w="6350" cap="flat" cmpd="sng" algn="ctr">
            <a:noFill/>
            <a:prstDash val="solid"/>
            <a:miter lim="800000"/>
          </a:ln>
          <a:effectLst/>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nvGrpSpPr>
          <p:cNvPr id="6" name="Grup 5"/>
          <p:cNvGrpSpPr/>
          <p:nvPr/>
        </p:nvGrpSpPr>
        <p:grpSpPr>
          <a:xfrm>
            <a:off x="6290317" y="762077"/>
            <a:ext cx="1887273" cy="4066755"/>
            <a:chOff x="6290317" y="762077"/>
            <a:chExt cx="1887273" cy="4066755"/>
          </a:xfrm>
        </p:grpSpPr>
        <p:cxnSp>
          <p:nvCxnSpPr>
            <p:cNvPr id="21" name="Düz Ok Bağlayıcısı 20"/>
            <p:cNvCxnSpPr/>
            <p:nvPr/>
          </p:nvCxnSpPr>
          <p:spPr>
            <a:xfrm>
              <a:off x="6290317" y="762077"/>
              <a:ext cx="1359272" cy="4066755"/>
            </a:xfrm>
            <a:prstGeom prst="straightConnector1">
              <a:avLst/>
            </a:prstGeom>
            <a:ln w="57150">
              <a:solidFill>
                <a:srgbClr val="008080"/>
              </a:solidFill>
              <a:tailEnd type="arrow"/>
            </a:ln>
          </p:spPr>
          <p:style>
            <a:lnRef idx="3">
              <a:schemeClr val="accent2"/>
            </a:lnRef>
            <a:fillRef idx="0">
              <a:schemeClr val="accent2"/>
            </a:fillRef>
            <a:effectRef idx="2">
              <a:schemeClr val="accent2"/>
            </a:effectRef>
            <a:fontRef idx="minor">
              <a:schemeClr val="tx1"/>
            </a:fontRef>
          </p:style>
        </p:cxnSp>
        <p:sp>
          <p:nvSpPr>
            <p:cNvPr id="20" name="Yuvarlatılmış Dikdörtgen 19"/>
            <p:cNvSpPr/>
            <p:nvPr>
              <p:custDataLst>
                <p:tags r:id="rId11"/>
              </p:custDataLst>
            </p:nvPr>
          </p:nvSpPr>
          <p:spPr>
            <a:xfrm rot="20621569">
              <a:off x="6362632" y="3304775"/>
              <a:ext cx="1814958" cy="898488"/>
            </a:xfrm>
            <a:prstGeom prst="roundRect">
              <a:avLst>
                <a:gd name="adj" fmla="val 47970"/>
              </a:avLst>
            </a:prstGeom>
            <a:solidFill>
              <a:schemeClr val="accent1">
                <a:lumMod val="40000"/>
                <a:lumOff val="60000"/>
              </a:schemeClr>
            </a:solidFill>
            <a:ln w="6350" cap="flat" cmpd="sng" algn="ctr">
              <a:noFill/>
              <a:prstDash val="solid"/>
              <a:miter lim="800000"/>
            </a:ln>
            <a:effectLst/>
          </p:spPr>
          <p:style>
            <a:lnRef idx="1">
              <a:schemeClr val="accent3"/>
            </a:lnRef>
            <a:fillRef idx="2">
              <a:schemeClr val="accent3"/>
            </a:fillRef>
            <a:effectRef idx="1">
              <a:schemeClr val="accent3"/>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schemeClr val="tx1"/>
                  </a:solidFill>
                  <a:effectLst/>
                  <a:uLnTx/>
                  <a:uFillTx/>
                  <a:latin typeface="Calibri" panose="020F0502020204030204"/>
                  <a:ea typeface="+mn-ea"/>
                  <a:cs typeface="+mn-cs"/>
                </a:rPr>
                <a:t>Allah ile</a:t>
              </a:r>
            </a:p>
          </p:txBody>
        </p:sp>
      </p:grpSp>
      <p:sp>
        <p:nvSpPr>
          <p:cNvPr id="29" name="Yuvarlatılmış Dikdörtgen 28"/>
          <p:cNvSpPr/>
          <p:nvPr>
            <p:custDataLst>
              <p:tags r:id="rId3"/>
            </p:custDataLst>
          </p:nvPr>
        </p:nvSpPr>
        <p:spPr>
          <a:xfrm rot="20583296">
            <a:off x="6313613" y="4917109"/>
            <a:ext cx="3085262" cy="936342"/>
          </a:xfrm>
          <a:prstGeom prst="roundRect">
            <a:avLst/>
          </a:prstGeom>
          <a:solidFill>
            <a:schemeClr val="accent1">
              <a:lumMod val="40000"/>
              <a:lumOff val="60000"/>
            </a:schemeClr>
          </a:solidFill>
          <a:ln w="6350" cap="flat" cmpd="sng" algn="ctr">
            <a:noFill/>
            <a:prstDash val="solid"/>
            <a:miter lim="800000"/>
          </a:ln>
          <a:effectLst/>
        </p:spPr>
        <p:style>
          <a:lnRef idx="1">
            <a:schemeClr val="accent3"/>
          </a:lnRef>
          <a:fillRef idx="2">
            <a:schemeClr val="accent3"/>
          </a:fillRef>
          <a:effectRef idx="1">
            <a:schemeClr val="accent3"/>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grpSp>
        <p:nvGrpSpPr>
          <p:cNvPr id="7" name="Grup 6"/>
          <p:cNvGrpSpPr/>
          <p:nvPr/>
        </p:nvGrpSpPr>
        <p:grpSpPr>
          <a:xfrm>
            <a:off x="6611233" y="887813"/>
            <a:ext cx="3714469" cy="2344518"/>
            <a:chOff x="6611233" y="887813"/>
            <a:chExt cx="3714469" cy="2344518"/>
          </a:xfrm>
        </p:grpSpPr>
        <p:cxnSp>
          <p:nvCxnSpPr>
            <p:cNvPr id="30" name="Düz Ok Bağlayıcısı 29"/>
            <p:cNvCxnSpPr/>
            <p:nvPr/>
          </p:nvCxnSpPr>
          <p:spPr>
            <a:xfrm>
              <a:off x="6611233" y="887813"/>
              <a:ext cx="3714469" cy="1994306"/>
            </a:xfrm>
            <a:prstGeom prst="straightConnector1">
              <a:avLst/>
            </a:prstGeom>
            <a:ln w="57150">
              <a:solidFill>
                <a:srgbClr val="008080"/>
              </a:solidFill>
              <a:tailEnd type="arrow"/>
            </a:ln>
          </p:spPr>
          <p:style>
            <a:lnRef idx="3">
              <a:schemeClr val="accent2"/>
            </a:lnRef>
            <a:fillRef idx="0">
              <a:schemeClr val="accent2"/>
            </a:fillRef>
            <a:effectRef idx="2">
              <a:schemeClr val="accent2"/>
            </a:effectRef>
            <a:fontRef idx="minor">
              <a:schemeClr val="tx1"/>
            </a:fontRef>
          </p:style>
        </p:cxnSp>
        <p:sp>
          <p:nvSpPr>
            <p:cNvPr id="34" name="Yuvarlatılmış Dikdörtgen 33"/>
            <p:cNvSpPr/>
            <p:nvPr>
              <p:custDataLst>
                <p:tags r:id="rId10"/>
              </p:custDataLst>
            </p:nvPr>
          </p:nvSpPr>
          <p:spPr>
            <a:xfrm rot="18311005">
              <a:off x="8241932" y="1771484"/>
              <a:ext cx="1926284" cy="995410"/>
            </a:xfrm>
            <a:prstGeom prst="roundRect">
              <a:avLst>
                <a:gd name="adj" fmla="val 36525"/>
              </a:avLst>
            </a:prstGeom>
            <a:gradFill rotWithShape="1">
              <a:gsLst>
                <a:gs pos="0">
                  <a:schemeClr val="accent4">
                    <a:lumMod val="110000"/>
                    <a:satMod val="105000"/>
                    <a:tint val="67000"/>
                  </a:schemeClr>
                </a:gs>
                <a:gs pos="50000">
                  <a:schemeClr val="accent4">
                    <a:lumMod val="105000"/>
                    <a:satMod val="103000"/>
                    <a:tint val="73000"/>
                  </a:schemeClr>
                </a:gs>
                <a:gs pos="100000">
                  <a:schemeClr val="accent4">
                    <a:lumMod val="105000"/>
                    <a:satMod val="109000"/>
                    <a:tint val="81000"/>
                  </a:schemeClr>
                </a:gs>
              </a:gsLst>
              <a:lin ang="5400000" scaled="0"/>
            </a:gradFill>
            <a:ln w="6350" cap="flat" cmpd="sng" algn="ctr">
              <a:noFill/>
              <a:prstDash val="solid"/>
              <a:miter lim="800000"/>
            </a:ln>
            <a:effectLst/>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llah’tan</a:t>
              </a:r>
            </a:p>
          </p:txBody>
        </p:sp>
      </p:grpSp>
      <p:grpSp>
        <p:nvGrpSpPr>
          <p:cNvPr id="2" name="Grup 1"/>
          <p:cNvGrpSpPr/>
          <p:nvPr/>
        </p:nvGrpSpPr>
        <p:grpSpPr>
          <a:xfrm>
            <a:off x="1732503" y="808247"/>
            <a:ext cx="4387692" cy="2448889"/>
            <a:chOff x="1732503" y="808247"/>
            <a:chExt cx="4387692" cy="2448889"/>
          </a:xfrm>
        </p:grpSpPr>
        <p:cxnSp>
          <p:nvCxnSpPr>
            <p:cNvPr id="5" name="Düz Ok Bağlayıcısı 4"/>
            <p:cNvCxnSpPr/>
            <p:nvPr/>
          </p:nvCxnSpPr>
          <p:spPr>
            <a:xfrm flipH="1">
              <a:off x="1732503" y="808247"/>
              <a:ext cx="4387692" cy="2108974"/>
            </a:xfrm>
            <a:prstGeom prst="straightConnector1">
              <a:avLst/>
            </a:prstGeom>
            <a:ln w="57150">
              <a:solidFill>
                <a:srgbClr val="008080"/>
              </a:solidFill>
              <a:tailEnd type="arrow"/>
            </a:ln>
          </p:spPr>
          <p:style>
            <a:lnRef idx="3">
              <a:schemeClr val="accent2"/>
            </a:lnRef>
            <a:fillRef idx="0">
              <a:schemeClr val="accent2"/>
            </a:fillRef>
            <a:effectRef idx="2">
              <a:schemeClr val="accent2"/>
            </a:effectRef>
            <a:fontRef idx="minor">
              <a:schemeClr val="tx1"/>
            </a:fontRef>
          </p:style>
        </p:cxnSp>
        <p:sp>
          <p:nvSpPr>
            <p:cNvPr id="46" name="Yuvarlatılmış Dikdörtgen 45"/>
            <p:cNvSpPr/>
            <p:nvPr>
              <p:custDataLst>
                <p:tags r:id="rId9"/>
              </p:custDataLst>
            </p:nvPr>
          </p:nvSpPr>
          <p:spPr>
            <a:xfrm rot="3738645">
              <a:off x="1903791" y="1800748"/>
              <a:ext cx="1978802" cy="933973"/>
            </a:xfrm>
            <a:prstGeom prst="roundRect">
              <a:avLst>
                <a:gd name="adj" fmla="val 34178"/>
              </a:avLst>
            </a:prstGeom>
            <a:gradFill rotWithShape="1">
              <a:gsLst>
                <a:gs pos="0">
                  <a:schemeClr val="accent2">
                    <a:lumMod val="110000"/>
                    <a:satMod val="105000"/>
                    <a:tint val="67000"/>
                  </a:schemeClr>
                </a:gs>
                <a:gs pos="50000">
                  <a:schemeClr val="accent2">
                    <a:lumMod val="105000"/>
                    <a:satMod val="103000"/>
                    <a:tint val="73000"/>
                  </a:schemeClr>
                </a:gs>
                <a:gs pos="100000">
                  <a:schemeClr val="accent2">
                    <a:lumMod val="105000"/>
                    <a:satMod val="109000"/>
                    <a:tint val="81000"/>
                  </a:schemeClr>
                </a:gs>
              </a:gsLst>
              <a:lin ang="5400000" scaled="0"/>
            </a:gradFill>
            <a:ln w="6350" cap="flat" cmpd="sng" algn="ctr">
              <a:noFill/>
              <a:prstDash val="solid"/>
              <a:miter lim="800000"/>
            </a:ln>
            <a:effectLst/>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llah’tan</a:t>
              </a:r>
            </a:p>
          </p:txBody>
        </p:sp>
      </p:grpSp>
      <p:sp>
        <p:nvSpPr>
          <p:cNvPr id="47" name="Yuvarlatılmış Dikdörtgen 46"/>
          <p:cNvSpPr/>
          <p:nvPr>
            <p:custDataLst>
              <p:tags r:id="rId4"/>
            </p:custDataLst>
          </p:nvPr>
        </p:nvSpPr>
        <p:spPr>
          <a:xfrm rot="18380814">
            <a:off x="9605618" y="2811823"/>
            <a:ext cx="2082000" cy="800485"/>
          </a:xfrm>
          <a:prstGeom prst="roundRect">
            <a:avLst/>
          </a:prstGeom>
          <a:gradFill rotWithShape="1">
            <a:gsLst>
              <a:gs pos="0">
                <a:schemeClr val="accent4">
                  <a:lumMod val="110000"/>
                  <a:satMod val="105000"/>
                  <a:tint val="67000"/>
                </a:schemeClr>
              </a:gs>
              <a:gs pos="50000">
                <a:schemeClr val="accent4">
                  <a:lumMod val="105000"/>
                  <a:satMod val="103000"/>
                  <a:tint val="73000"/>
                </a:schemeClr>
              </a:gs>
              <a:gs pos="100000">
                <a:schemeClr val="accent4">
                  <a:lumMod val="105000"/>
                  <a:satMod val="109000"/>
                  <a:tint val="81000"/>
                </a:schemeClr>
              </a:gs>
            </a:gsLst>
            <a:lin ang="5400000" scaled="0"/>
          </a:gradFill>
          <a:ln w="6350" cap="flat" cmpd="sng" algn="ctr">
            <a:noFill/>
            <a:prstDash val="solid"/>
            <a:miter lim="800000"/>
          </a:ln>
          <a:effectLst/>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nvGrpSpPr>
          <p:cNvPr id="4" name="Grup 3"/>
          <p:cNvGrpSpPr/>
          <p:nvPr/>
        </p:nvGrpSpPr>
        <p:grpSpPr>
          <a:xfrm>
            <a:off x="3894346" y="800373"/>
            <a:ext cx="2369311" cy="3903586"/>
            <a:chOff x="3879370" y="733468"/>
            <a:chExt cx="2369311" cy="3903586"/>
          </a:xfrm>
        </p:grpSpPr>
        <p:cxnSp>
          <p:nvCxnSpPr>
            <p:cNvPr id="17" name="Düz Ok Bağlayıcısı 16"/>
            <p:cNvCxnSpPr/>
            <p:nvPr/>
          </p:nvCxnSpPr>
          <p:spPr>
            <a:xfrm flipH="1">
              <a:off x="4223657" y="733468"/>
              <a:ext cx="2025024" cy="3903586"/>
            </a:xfrm>
            <a:prstGeom prst="straightConnector1">
              <a:avLst/>
            </a:prstGeom>
            <a:ln w="57150">
              <a:solidFill>
                <a:srgbClr val="008080"/>
              </a:solidFill>
              <a:tailEnd type="arrow"/>
            </a:ln>
          </p:spPr>
          <p:style>
            <a:lnRef idx="3">
              <a:schemeClr val="accent2"/>
            </a:lnRef>
            <a:fillRef idx="0">
              <a:schemeClr val="accent2"/>
            </a:fillRef>
            <a:effectRef idx="2">
              <a:schemeClr val="accent2"/>
            </a:effectRef>
            <a:fontRef idx="minor">
              <a:schemeClr val="tx1"/>
            </a:fontRef>
          </p:style>
        </p:cxnSp>
        <p:sp>
          <p:nvSpPr>
            <p:cNvPr id="19" name="Yuvarlatılmış Dikdörtgen 18"/>
            <p:cNvSpPr/>
            <p:nvPr>
              <p:custDataLst>
                <p:tags r:id="rId8"/>
              </p:custDataLst>
            </p:nvPr>
          </p:nvSpPr>
          <p:spPr>
            <a:xfrm rot="1817359">
              <a:off x="3879370" y="3005595"/>
              <a:ext cx="1871711" cy="1001308"/>
            </a:xfrm>
            <a:prstGeom prst="roundRect">
              <a:avLst>
                <a:gd name="adj" fmla="val 48948"/>
              </a:avLst>
            </a:prstGeom>
            <a:solidFill>
              <a:schemeClr val="accent6">
                <a:lumMod val="40000"/>
                <a:lumOff val="60000"/>
              </a:schemeClr>
            </a:solidFill>
            <a:ln w="6350" cap="flat" cmpd="sng" algn="ctr">
              <a:noFill/>
              <a:prstDash val="solid"/>
              <a:miter lim="800000"/>
            </a:ln>
            <a:effectLst/>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llah’a</a:t>
              </a:r>
            </a:p>
          </p:txBody>
        </p:sp>
      </p:grpSp>
      <p:sp>
        <p:nvSpPr>
          <p:cNvPr id="22" name="Yuvarlatılmış Dikdörtgen 21"/>
          <p:cNvSpPr/>
          <p:nvPr>
            <p:custDataLst>
              <p:tags r:id="rId5"/>
            </p:custDataLst>
          </p:nvPr>
        </p:nvSpPr>
        <p:spPr>
          <a:xfrm rot="1781144">
            <a:off x="2676070" y="4736995"/>
            <a:ext cx="2351852" cy="870798"/>
          </a:xfrm>
          <a:prstGeom prst="roundRect">
            <a:avLst/>
          </a:prstGeom>
          <a:solidFill>
            <a:schemeClr val="accent6">
              <a:lumMod val="40000"/>
              <a:lumOff val="60000"/>
            </a:schemeClr>
          </a:solidFill>
          <a:ln w="6350" cap="flat" cmpd="sng" algn="ctr">
            <a:noFill/>
            <a:prstDash val="solid"/>
            <a:miter lim="800000"/>
          </a:ln>
          <a:effectLst/>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 name="Dikdörtgen 12"/>
          <p:cNvSpPr/>
          <p:nvPr>
            <p:custDataLst>
              <p:tags r:id="rId6"/>
            </p:custDataLst>
          </p:nvPr>
        </p:nvSpPr>
        <p:spPr>
          <a:xfrm>
            <a:off x="9177686" y="36734"/>
            <a:ext cx="2937863" cy="909223"/>
          </a:xfrm>
          <a:prstGeom prst="rect">
            <a:avLst/>
          </a:prstGeom>
          <a:solidFill>
            <a:schemeClr val="accent6">
              <a:lumMod val="20000"/>
              <a:lumOff val="80000"/>
            </a:schemeClr>
          </a:solidFill>
          <a:ln w="6350" cap="flat" cmpd="sng" algn="ctr">
            <a:noFill/>
            <a:prstDash val="solid"/>
            <a:miter lim="800000"/>
          </a:ln>
          <a:effectLst/>
        </p:spPr>
        <p:style>
          <a:lnRef idx="1">
            <a:schemeClr val="accent6"/>
          </a:lnRef>
          <a:fillRef idx="2">
            <a:schemeClr val="accent6"/>
          </a:fillRef>
          <a:effectRef idx="1">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Boş kutuları uygun bir şekilde dolduralım</a:t>
            </a:r>
          </a:p>
        </p:txBody>
      </p:sp>
      <p:sp>
        <p:nvSpPr>
          <p:cNvPr id="3" name="İçerik Yer Tutucusu 2"/>
          <p:cNvSpPr>
            <a:spLocks noGrp="1"/>
          </p:cNvSpPr>
          <p:nvPr>
            <p:ph idx="1"/>
            <p:custDataLst>
              <p:tags r:id="rId7"/>
            </p:custDataLst>
          </p:nvPr>
        </p:nvSpPr>
        <p:spPr>
          <a:xfrm>
            <a:off x="4416855" y="239640"/>
            <a:ext cx="3358290" cy="797072"/>
          </a:xfrm>
          <a:solidFill>
            <a:schemeClr val="accent5">
              <a:lumMod val="40000"/>
              <a:lumOff val="60000"/>
            </a:schemeClr>
          </a:solidFill>
          <a:ln>
            <a:noFill/>
          </a:ln>
        </p:spPr>
        <p:style>
          <a:lnRef idx="0">
            <a:schemeClr val="accent2"/>
          </a:lnRef>
          <a:fillRef idx="3">
            <a:schemeClr val="accent2"/>
          </a:fillRef>
          <a:effectRef idx="3">
            <a:schemeClr val="accent2"/>
          </a:effectRef>
          <a:fontRef idx="minor">
            <a:schemeClr val="lt1"/>
          </a:fontRef>
        </p:style>
        <p:txBody>
          <a:bodyPr anchor="b">
            <a:noAutofit/>
          </a:bodyPr>
          <a:lstStyle/>
          <a:p>
            <a:pPr marL="0" indent="0" algn="ctr">
              <a:lnSpc>
                <a:spcPct val="150000"/>
              </a:lnSpc>
              <a:buNone/>
            </a:pPr>
            <a:r>
              <a:rPr lang="tr-TR" sz="4400" dirty="0">
                <a:solidFill>
                  <a:schemeClr val="tx1"/>
                </a:solidFill>
              </a:rPr>
              <a:t>DUA</a:t>
            </a:r>
          </a:p>
        </p:txBody>
      </p:sp>
    </p:spTree>
    <p:custDataLst>
      <p:tags r:id="rId1"/>
    </p:custDataLst>
    <p:extLst>
      <p:ext uri="{BB962C8B-B14F-4D97-AF65-F5344CB8AC3E}">
        <p14:creationId xmlns:p14="http://schemas.microsoft.com/office/powerpoint/2010/main" val="170434486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3">
                                            <p:bg/>
                                          </p:spTgt>
                                        </p:tgtEl>
                                        <p:attrNameLst>
                                          <p:attrName>style.visibility</p:attrName>
                                        </p:attrNameLst>
                                      </p:cBhvr>
                                      <p:to>
                                        <p:strVal val="visible"/>
                                      </p:to>
                                    </p:set>
                                    <p:animEffect transition="in" filter="wipe(down)">
                                      <p:cBhvr>
                                        <p:cTn id="7" dur="500"/>
                                        <p:tgtEl>
                                          <p:spTgt spid="3">
                                            <p:bg/>
                                          </p:spTgt>
                                        </p:tgtEl>
                                      </p:cBhvr>
                                    </p:animEffect>
                                  </p:childTnLst>
                                </p:cTn>
                              </p:par>
                              <p:par>
                                <p:cTn id="8" presetID="22" presetClass="entr" presetSubtype="4" fill="hold" grpId="0" nodeType="withEffect">
                                  <p:stCondLst>
                                    <p:cond delay="0"/>
                                  </p:stCondLst>
                                  <p:childTnLst>
                                    <p:set>
                                      <p:cBhvr>
                                        <p:cTn id="9" dur="1" fill="hold">
                                          <p:stCondLst>
                                            <p:cond delay="0"/>
                                          </p:stCondLst>
                                        </p:cTn>
                                        <p:tgtEl>
                                          <p:spTgt spid="3">
                                            <p:txEl>
                                              <p:pRg st="0" end="0"/>
                                            </p:txEl>
                                          </p:spTgt>
                                        </p:tgtEl>
                                        <p:attrNameLst>
                                          <p:attrName>style.visibility</p:attrName>
                                        </p:attrNameLst>
                                      </p:cBhvr>
                                      <p:to>
                                        <p:strVal val="visible"/>
                                      </p:to>
                                    </p:set>
                                    <p:animEffect transition="in" filter="wipe(down)">
                                      <p:cBhvr>
                                        <p:cTn id="10" dur="500"/>
                                        <p:tgtEl>
                                          <p:spTgt spid="3">
                                            <p:txEl>
                                              <p:pRg st="0" end="0"/>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4" fill="hold" nodeType="clickEffect">
                                  <p:stCondLst>
                                    <p:cond delay="0"/>
                                  </p:stCondLst>
                                  <p:childTnLst>
                                    <p:set>
                                      <p:cBhvr>
                                        <p:cTn id="14" dur="1" fill="hold">
                                          <p:stCondLst>
                                            <p:cond delay="0"/>
                                          </p:stCondLst>
                                        </p:cTn>
                                        <p:tgtEl>
                                          <p:spTgt spid="2"/>
                                        </p:tgtEl>
                                        <p:attrNameLst>
                                          <p:attrName>style.visibility</p:attrName>
                                        </p:attrNameLst>
                                      </p:cBhvr>
                                      <p:to>
                                        <p:strVal val="visible"/>
                                      </p:to>
                                    </p:set>
                                    <p:animEffect transition="in" filter="wipe(down)">
                                      <p:cBhvr>
                                        <p:cTn id="15" dur="500"/>
                                        <p:tgtEl>
                                          <p:spTgt spid="2"/>
                                        </p:tgtEl>
                                      </p:cBhvr>
                                    </p:animEffect>
                                  </p:childTnLst>
                                </p:cTn>
                              </p:par>
                            </p:childTnLst>
                          </p:cTn>
                        </p:par>
                        <p:par>
                          <p:cTn id="16" fill="hold">
                            <p:stCondLst>
                              <p:cond delay="500"/>
                            </p:stCondLst>
                            <p:childTnLst>
                              <p:par>
                                <p:cTn id="17" presetID="22" presetClass="entr" presetSubtype="4" fill="hold" grpId="0" nodeType="afterEffect">
                                  <p:stCondLst>
                                    <p:cond delay="0"/>
                                  </p:stCondLst>
                                  <p:childTnLst>
                                    <p:set>
                                      <p:cBhvr>
                                        <p:cTn id="18" dur="1" fill="hold">
                                          <p:stCondLst>
                                            <p:cond delay="0"/>
                                          </p:stCondLst>
                                        </p:cTn>
                                        <p:tgtEl>
                                          <p:spTgt spid="9"/>
                                        </p:tgtEl>
                                        <p:attrNameLst>
                                          <p:attrName>style.visibility</p:attrName>
                                        </p:attrNameLst>
                                      </p:cBhvr>
                                      <p:to>
                                        <p:strVal val="visible"/>
                                      </p:to>
                                    </p:set>
                                    <p:animEffect transition="in" filter="wipe(down)">
                                      <p:cBhvr>
                                        <p:cTn id="19" dur="500"/>
                                        <p:tgtEl>
                                          <p:spTgt spid="9"/>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4" fill="hold" nodeType="clickEffect">
                                  <p:stCondLst>
                                    <p:cond delay="0"/>
                                  </p:stCondLst>
                                  <p:childTnLst>
                                    <p:set>
                                      <p:cBhvr>
                                        <p:cTn id="23" dur="1" fill="hold">
                                          <p:stCondLst>
                                            <p:cond delay="0"/>
                                          </p:stCondLst>
                                        </p:cTn>
                                        <p:tgtEl>
                                          <p:spTgt spid="4"/>
                                        </p:tgtEl>
                                        <p:attrNameLst>
                                          <p:attrName>style.visibility</p:attrName>
                                        </p:attrNameLst>
                                      </p:cBhvr>
                                      <p:to>
                                        <p:strVal val="visible"/>
                                      </p:to>
                                    </p:set>
                                    <p:animEffect transition="in" filter="wipe(down)">
                                      <p:cBhvr>
                                        <p:cTn id="24" dur="500"/>
                                        <p:tgtEl>
                                          <p:spTgt spid="4"/>
                                        </p:tgtEl>
                                      </p:cBhvr>
                                    </p:animEffect>
                                  </p:childTnLst>
                                </p:cTn>
                              </p:par>
                            </p:childTnLst>
                          </p:cTn>
                        </p:par>
                        <p:par>
                          <p:cTn id="25" fill="hold">
                            <p:stCondLst>
                              <p:cond delay="500"/>
                            </p:stCondLst>
                            <p:childTnLst>
                              <p:par>
                                <p:cTn id="26" presetID="22" presetClass="entr" presetSubtype="4" fill="hold" grpId="0" nodeType="afterEffect">
                                  <p:stCondLst>
                                    <p:cond delay="0"/>
                                  </p:stCondLst>
                                  <p:childTnLst>
                                    <p:set>
                                      <p:cBhvr>
                                        <p:cTn id="27" dur="1" fill="hold">
                                          <p:stCondLst>
                                            <p:cond delay="0"/>
                                          </p:stCondLst>
                                        </p:cTn>
                                        <p:tgtEl>
                                          <p:spTgt spid="22"/>
                                        </p:tgtEl>
                                        <p:attrNameLst>
                                          <p:attrName>style.visibility</p:attrName>
                                        </p:attrNameLst>
                                      </p:cBhvr>
                                      <p:to>
                                        <p:strVal val="visible"/>
                                      </p:to>
                                    </p:set>
                                    <p:animEffect transition="in" filter="wipe(down)">
                                      <p:cBhvr>
                                        <p:cTn id="28" dur="500"/>
                                        <p:tgtEl>
                                          <p:spTgt spid="22"/>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4" fill="hold" nodeType="clickEffect">
                                  <p:stCondLst>
                                    <p:cond delay="0"/>
                                  </p:stCondLst>
                                  <p:childTnLst>
                                    <p:set>
                                      <p:cBhvr>
                                        <p:cTn id="32" dur="1" fill="hold">
                                          <p:stCondLst>
                                            <p:cond delay="0"/>
                                          </p:stCondLst>
                                        </p:cTn>
                                        <p:tgtEl>
                                          <p:spTgt spid="6"/>
                                        </p:tgtEl>
                                        <p:attrNameLst>
                                          <p:attrName>style.visibility</p:attrName>
                                        </p:attrNameLst>
                                      </p:cBhvr>
                                      <p:to>
                                        <p:strVal val="visible"/>
                                      </p:to>
                                    </p:set>
                                    <p:animEffect transition="in" filter="wipe(down)">
                                      <p:cBhvr>
                                        <p:cTn id="33" dur="500"/>
                                        <p:tgtEl>
                                          <p:spTgt spid="6"/>
                                        </p:tgtEl>
                                      </p:cBhvr>
                                    </p:animEffect>
                                  </p:childTnLst>
                                </p:cTn>
                              </p:par>
                            </p:childTnLst>
                          </p:cTn>
                        </p:par>
                        <p:par>
                          <p:cTn id="34" fill="hold">
                            <p:stCondLst>
                              <p:cond delay="500"/>
                            </p:stCondLst>
                            <p:childTnLst>
                              <p:par>
                                <p:cTn id="35" presetID="22" presetClass="entr" presetSubtype="4" fill="hold" grpId="0" nodeType="afterEffect">
                                  <p:stCondLst>
                                    <p:cond delay="0"/>
                                  </p:stCondLst>
                                  <p:childTnLst>
                                    <p:set>
                                      <p:cBhvr>
                                        <p:cTn id="36" dur="1" fill="hold">
                                          <p:stCondLst>
                                            <p:cond delay="0"/>
                                          </p:stCondLst>
                                        </p:cTn>
                                        <p:tgtEl>
                                          <p:spTgt spid="29"/>
                                        </p:tgtEl>
                                        <p:attrNameLst>
                                          <p:attrName>style.visibility</p:attrName>
                                        </p:attrNameLst>
                                      </p:cBhvr>
                                      <p:to>
                                        <p:strVal val="visible"/>
                                      </p:to>
                                    </p:set>
                                    <p:animEffect transition="in" filter="wipe(down)">
                                      <p:cBhvr>
                                        <p:cTn id="37" dur="500"/>
                                        <p:tgtEl>
                                          <p:spTgt spid="29"/>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4" fill="hold" nodeType="clickEffect">
                                  <p:stCondLst>
                                    <p:cond delay="0"/>
                                  </p:stCondLst>
                                  <p:childTnLst>
                                    <p:set>
                                      <p:cBhvr>
                                        <p:cTn id="41" dur="1" fill="hold">
                                          <p:stCondLst>
                                            <p:cond delay="0"/>
                                          </p:stCondLst>
                                        </p:cTn>
                                        <p:tgtEl>
                                          <p:spTgt spid="7"/>
                                        </p:tgtEl>
                                        <p:attrNameLst>
                                          <p:attrName>style.visibility</p:attrName>
                                        </p:attrNameLst>
                                      </p:cBhvr>
                                      <p:to>
                                        <p:strVal val="visible"/>
                                      </p:to>
                                    </p:set>
                                    <p:animEffect transition="in" filter="wipe(down)">
                                      <p:cBhvr>
                                        <p:cTn id="42" dur="500"/>
                                        <p:tgtEl>
                                          <p:spTgt spid="7"/>
                                        </p:tgtEl>
                                      </p:cBhvr>
                                    </p:animEffect>
                                  </p:childTnLst>
                                </p:cTn>
                              </p:par>
                            </p:childTnLst>
                          </p:cTn>
                        </p:par>
                        <p:par>
                          <p:cTn id="43" fill="hold">
                            <p:stCondLst>
                              <p:cond delay="500"/>
                            </p:stCondLst>
                            <p:childTnLst>
                              <p:par>
                                <p:cTn id="44" presetID="22" presetClass="entr" presetSubtype="4" fill="hold" grpId="0" nodeType="afterEffect">
                                  <p:stCondLst>
                                    <p:cond delay="0"/>
                                  </p:stCondLst>
                                  <p:childTnLst>
                                    <p:set>
                                      <p:cBhvr>
                                        <p:cTn id="45" dur="1" fill="hold">
                                          <p:stCondLst>
                                            <p:cond delay="0"/>
                                          </p:stCondLst>
                                        </p:cTn>
                                        <p:tgtEl>
                                          <p:spTgt spid="47"/>
                                        </p:tgtEl>
                                        <p:attrNameLst>
                                          <p:attrName>style.visibility</p:attrName>
                                        </p:attrNameLst>
                                      </p:cBhvr>
                                      <p:to>
                                        <p:strVal val="visible"/>
                                      </p:to>
                                    </p:set>
                                    <p:animEffect transition="in" filter="wipe(down)">
                                      <p:cBhvr>
                                        <p:cTn id="46" dur="500"/>
                                        <p:tgtEl>
                                          <p:spTgt spid="4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29" grpId="0" animBg="1"/>
      <p:bldP spid="47" grpId="0" animBg="1"/>
      <p:bldP spid="22" grpId="0" animBg="1"/>
      <p:bldP spid="3" grpId="0" uiExpand="1" build="p" animBg="1"/>
    </p:bldLst>
  </p:timing>
</p:sld>
</file>

<file path=ppt/slides/slide6.xml><?xml version="1.0" encoding="utf-8"?>
<p:sld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bg2"/>
            </a:gs>
          </a:gsLst>
          <a:lin ang="5400000" scaled="1"/>
          <a:tileRect/>
        </a:gradFill>
        <a:effectLst/>
      </p:bgPr>
    </p:bg>
    <p:spTree>
      <p:nvGrpSpPr>
        <p:cNvPr id="1" name=""/>
        <p:cNvGrpSpPr/>
        <p:nvPr/>
      </p:nvGrpSpPr>
      <p:grpSpPr>
        <a:xfrm>
          <a:off x="0" y="0"/>
          <a:ext cx="0" cy="0"/>
          <a:chOff x="0" y="0"/>
          <a:chExt cx="0" cy="0"/>
        </a:xfrm>
      </p:grpSpPr>
      <p:sp>
        <p:nvSpPr>
          <p:cNvPr id="3" name="İçerik Yer Tutucusu 2"/>
          <p:cNvSpPr>
            <a:spLocks noGrp="1"/>
          </p:cNvSpPr>
          <p:nvPr>
            <p:ph idx="1"/>
          </p:nvPr>
        </p:nvSpPr>
        <p:spPr>
          <a:xfrm>
            <a:off x="5562600" y="196740"/>
            <a:ext cx="6286500" cy="4540360"/>
          </a:xfrm>
          <a:solidFill>
            <a:srgbClr val="FFCC99"/>
          </a:solidFill>
          <a:ln w="38100">
            <a:solidFill>
              <a:srgbClr val="EF557B"/>
            </a:solidFill>
          </a:ln>
        </p:spPr>
        <p:style>
          <a:lnRef idx="1">
            <a:schemeClr val="accent4"/>
          </a:lnRef>
          <a:fillRef idx="2">
            <a:schemeClr val="accent4"/>
          </a:fillRef>
          <a:effectRef idx="1">
            <a:schemeClr val="accent4"/>
          </a:effectRef>
          <a:fontRef idx="minor">
            <a:schemeClr val="dk1"/>
          </a:fontRef>
        </p:style>
        <p:txBody>
          <a:bodyPr>
            <a:noAutofit/>
          </a:bodyPr>
          <a:lstStyle/>
          <a:p>
            <a:pPr marL="0" indent="0" algn="just">
              <a:buNone/>
            </a:pPr>
            <a:endParaRPr lang="tr-TR" sz="3200" dirty="0"/>
          </a:p>
          <a:p>
            <a:pPr marL="0" indent="0" algn="just">
              <a:buNone/>
            </a:pPr>
            <a:r>
              <a:rPr lang="tr-TR" sz="3200" dirty="0"/>
              <a:t>“Allah’ım yalnız sana ibadet eder ve yalnız senden yardım dileriz.” </a:t>
            </a:r>
          </a:p>
          <a:p>
            <a:pPr marL="0" indent="0" algn="r">
              <a:buNone/>
            </a:pPr>
            <a:r>
              <a:rPr lang="tr-TR" sz="3200" dirty="0"/>
              <a:t> </a:t>
            </a:r>
          </a:p>
          <a:p>
            <a:pPr marL="0" indent="0">
              <a:buNone/>
            </a:pPr>
            <a:r>
              <a:rPr lang="tr-TR" sz="3600" dirty="0"/>
              <a:t>“El açıp yalvarmaya lâyık olan ancak Allah’tır…”</a:t>
            </a:r>
          </a:p>
          <a:p>
            <a:pPr marL="0" indent="0" algn="r">
              <a:buNone/>
            </a:pPr>
            <a:endParaRPr lang="tr-TR" sz="3600" b="1" dirty="0"/>
          </a:p>
        </p:txBody>
      </p:sp>
      <p:pic>
        <p:nvPicPr>
          <p:cNvPr id="1026" name="Picture 2" descr="Kuran ile ilgili gÃ¶rsel sonucu"/>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59085" y="196740"/>
            <a:ext cx="5032776" cy="4540360"/>
          </a:xfrm>
          <a:prstGeom prst="rect">
            <a:avLst/>
          </a:prstGeom>
          <a:ln>
            <a:noFill/>
          </a:ln>
          <a:effectLst>
            <a:outerShdw blurRad="292100" dist="139700" dir="2700000" algn="tl" rotWithShape="0">
              <a:srgbClr val="333333">
                <a:alpha val="65000"/>
              </a:srgbClr>
            </a:outerShdw>
          </a:effectLst>
        </p:spPr>
      </p:pic>
      <p:sp>
        <p:nvSpPr>
          <p:cNvPr id="6" name="Unvan 1"/>
          <p:cNvSpPr txBox="1">
            <a:spLocks/>
          </p:cNvSpPr>
          <p:nvPr>
            <p:custDataLst>
              <p:tags r:id="rId2"/>
            </p:custDataLst>
          </p:nvPr>
        </p:nvSpPr>
        <p:spPr>
          <a:xfrm>
            <a:off x="159085" y="5116580"/>
            <a:ext cx="11690015" cy="1090506"/>
          </a:xfrm>
          <a:prstGeom prst="rect">
            <a:avLst/>
          </a:prstGeom>
          <a:solidFill>
            <a:schemeClr val="accent1">
              <a:lumMod val="40000"/>
              <a:lumOff val="60000"/>
            </a:schemeClr>
          </a:solidFill>
          <a:ln>
            <a:noFill/>
          </a:ln>
        </p:spPr>
        <p:style>
          <a:lnRef idx="1">
            <a:schemeClr val="accent3"/>
          </a:lnRef>
          <a:fillRef idx="2">
            <a:schemeClr val="accent3"/>
          </a:fillRef>
          <a:effectRef idx="1">
            <a:schemeClr val="accent3"/>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Ayetlerde dua ile verilmek istenen mesajları bulalım.</a:t>
            </a:r>
          </a:p>
        </p:txBody>
      </p:sp>
      <p:sp>
        <p:nvSpPr>
          <p:cNvPr id="5" name="Akış Çizelgesi: Sonlandırıcı 4"/>
          <p:cNvSpPr/>
          <p:nvPr/>
        </p:nvSpPr>
        <p:spPr>
          <a:xfrm>
            <a:off x="8245235" y="1666726"/>
            <a:ext cx="3564094" cy="621782"/>
          </a:xfrm>
          <a:prstGeom prst="flowChartTerminator">
            <a:avLst/>
          </a:prstGeom>
          <a:solidFill>
            <a:srgbClr val="EF557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Fatiha suresi, 5. ayeti</a:t>
            </a:r>
          </a:p>
        </p:txBody>
      </p:sp>
      <p:sp>
        <p:nvSpPr>
          <p:cNvPr id="7" name="Akış Çizelgesi: Sonlandırıcı 6"/>
          <p:cNvSpPr/>
          <p:nvPr/>
        </p:nvSpPr>
        <p:spPr>
          <a:xfrm>
            <a:off x="8096368" y="3447603"/>
            <a:ext cx="3712961" cy="621782"/>
          </a:xfrm>
          <a:prstGeom prst="flowChartTerminator">
            <a:avLst/>
          </a:prstGeom>
          <a:solidFill>
            <a:srgbClr val="EF557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err="1">
                <a:ln>
                  <a:noFill/>
                </a:ln>
                <a:solidFill>
                  <a:prstClr val="white"/>
                </a:solidFill>
                <a:effectLst/>
                <a:uLnTx/>
                <a:uFillTx/>
                <a:latin typeface="Calibri" panose="020F0502020204030204"/>
                <a:ea typeface="+mn-ea"/>
                <a:cs typeface="+mn-cs"/>
              </a:rPr>
              <a:t>Ra’d</a:t>
            </a: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 suresi, 14. ayeti</a:t>
            </a:r>
            <a:endParaRPr kumimoji="0" lang="tr-TR" sz="28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132043233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3">
                                            <p:bg/>
                                          </p:spTgt>
                                        </p:tgtEl>
                                        <p:attrNameLst>
                                          <p:attrName>style.visibility</p:attrName>
                                        </p:attrNameLst>
                                      </p:cBhvr>
                                      <p:to>
                                        <p:strVal val="visible"/>
                                      </p:to>
                                    </p:set>
                                    <p:animEffect transition="in" filter="fade">
                                      <p:cBhvr>
                                        <p:cTn id="7" dur="500"/>
                                        <p:tgtEl>
                                          <p:spTgt spid="3">
                                            <p:bg/>
                                          </p:spTgt>
                                        </p:tgtEl>
                                      </p:cBhvr>
                                    </p:animEffect>
                                    <p:anim calcmode="lin" valueType="num">
                                      <p:cBhvr>
                                        <p:cTn id="8" dur="500" fill="hold"/>
                                        <p:tgtEl>
                                          <p:spTgt spid="3">
                                            <p:bg/>
                                          </p:spTgt>
                                        </p:tgtEl>
                                        <p:attrNameLst>
                                          <p:attrName>ppt_x</p:attrName>
                                        </p:attrNameLst>
                                      </p:cBhvr>
                                      <p:tavLst>
                                        <p:tav tm="0">
                                          <p:val>
                                            <p:strVal val="#ppt_x"/>
                                          </p:val>
                                        </p:tav>
                                        <p:tav tm="100000">
                                          <p:val>
                                            <p:strVal val="#ppt_x"/>
                                          </p:val>
                                        </p:tav>
                                      </p:tavLst>
                                    </p:anim>
                                    <p:anim calcmode="lin" valueType="num">
                                      <p:cBhvr>
                                        <p:cTn id="9" dur="500" fill="hold"/>
                                        <p:tgtEl>
                                          <p:spTgt spid="3">
                                            <p:bg/>
                                          </p:spTgt>
                                        </p:tgtEl>
                                        <p:attrNameLst>
                                          <p:attrName>ppt_y</p:attrName>
                                        </p:attrNameLst>
                                      </p:cBhvr>
                                      <p:tavLst>
                                        <p:tav tm="0">
                                          <p:val>
                                            <p:strVal val="#ppt_y+.1"/>
                                          </p:val>
                                        </p:tav>
                                        <p:tav tm="100000">
                                          <p:val>
                                            <p:strVal val="#ppt_y"/>
                                          </p:val>
                                        </p:tav>
                                      </p:tavLst>
                                    </p:anim>
                                  </p:childTnLst>
                                </p:cTn>
                              </p:par>
                            </p:childTnLst>
                          </p:cTn>
                        </p:par>
                        <p:par>
                          <p:cTn id="10" fill="hold">
                            <p:stCondLst>
                              <p:cond delay="500"/>
                            </p:stCondLst>
                            <p:childTnLst>
                              <p:par>
                                <p:cTn id="11" presetID="22" presetClass="entr" presetSubtype="1" fill="hold" grpId="0" nodeType="after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animEffect transition="in" filter="wipe(up)">
                                      <p:cBhvr>
                                        <p:cTn id="13" dur="500"/>
                                        <p:tgtEl>
                                          <p:spTgt spid="3">
                                            <p:txEl>
                                              <p:pRg st="1" end="1"/>
                                            </p:txEl>
                                          </p:spTgt>
                                        </p:tgtEl>
                                      </p:cBhvr>
                                    </p:animEffect>
                                  </p:childTnLst>
                                </p:cTn>
                              </p:par>
                            </p:childTnLst>
                          </p:cTn>
                        </p:par>
                        <p:par>
                          <p:cTn id="14" fill="hold">
                            <p:stCondLst>
                              <p:cond delay="1000"/>
                            </p:stCondLst>
                            <p:childTnLst>
                              <p:par>
                                <p:cTn id="15" presetID="22" presetClass="entr" presetSubtype="1" fill="hold" grpId="0" nodeType="after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animEffect transition="in" filter="wipe(up)">
                                      <p:cBhvr>
                                        <p:cTn id="17" dur="500"/>
                                        <p:tgtEl>
                                          <p:spTgt spid="3">
                                            <p:txEl>
                                              <p:pRg st="2" end="2"/>
                                            </p:txEl>
                                          </p:spTgt>
                                        </p:tgtEl>
                                      </p:cBhvr>
                                    </p:animEffect>
                                  </p:childTnLst>
                                </p:cTn>
                              </p:par>
                            </p:childTnLst>
                          </p:cTn>
                        </p:par>
                        <p:par>
                          <p:cTn id="18" fill="hold">
                            <p:stCondLst>
                              <p:cond delay="1500"/>
                            </p:stCondLst>
                            <p:childTnLst>
                              <p:par>
                                <p:cTn id="19" presetID="22" presetClass="entr" presetSubtype="8" fill="hold" grpId="0" nodeType="afterEffect">
                                  <p:stCondLst>
                                    <p:cond delay="0"/>
                                  </p:stCondLst>
                                  <p:childTnLst>
                                    <p:set>
                                      <p:cBhvr>
                                        <p:cTn id="20" dur="1" fill="hold">
                                          <p:stCondLst>
                                            <p:cond delay="0"/>
                                          </p:stCondLst>
                                        </p:cTn>
                                        <p:tgtEl>
                                          <p:spTgt spid="5"/>
                                        </p:tgtEl>
                                        <p:attrNameLst>
                                          <p:attrName>style.visibility</p:attrName>
                                        </p:attrNameLst>
                                      </p:cBhvr>
                                      <p:to>
                                        <p:strVal val="visible"/>
                                      </p:to>
                                    </p:set>
                                    <p:animEffect transition="in" filter="wipe(left)">
                                      <p:cBhvr>
                                        <p:cTn id="21" dur="500"/>
                                        <p:tgtEl>
                                          <p:spTgt spid="5"/>
                                        </p:tgtEl>
                                      </p:cBhvr>
                                    </p:animEffect>
                                  </p:childTnLst>
                                </p:cTn>
                              </p:par>
                            </p:childTnLst>
                          </p:cTn>
                        </p:par>
                        <p:par>
                          <p:cTn id="22" fill="hold">
                            <p:stCondLst>
                              <p:cond delay="2000"/>
                            </p:stCondLst>
                            <p:childTnLst>
                              <p:par>
                                <p:cTn id="23" presetID="22" presetClass="entr" presetSubtype="1" fill="hold" grpId="0" nodeType="after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animEffect transition="in" filter="wipe(up)">
                                      <p:cBhvr>
                                        <p:cTn id="25" dur="500"/>
                                        <p:tgtEl>
                                          <p:spTgt spid="3">
                                            <p:txEl>
                                              <p:pRg st="3" end="3"/>
                                            </p:txEl>
                                          </p:spTgt>
                                        </p:tgtEl>
                                      </p:cBhvr>
                                    </p:animEffect>
                                  </p:childTnLst>
                                </p:cTn>
                              </p:par>
                            </p:childTnLst>
                          </p:cTn>
                        </p:par>
                        <p:par>
                          <p:cTn id="26" fill="hold">
                            <p:stCondLst>
                              <p:cond delay="2500"/>
                            </p:stCondLst>
                            <p:childTnLst>
                              <p:par>
                                <p:cTn id="27" presetID="22" presetClass="entr" presetSubtype="8" fill="hold" grpId="0" nodeType="afterEffect">
                                  <p:stCondLst>
                                    <p:cond delay="0"/>
                                  </p:stCondLst>
                                  <p:childTnLst>
                                    <p:set>
                                      <p:cBhvr>
                                        <p:cTn id="28" dur="1" fill="hold">
                                          <p:stCondLst>
                                            <p:cond delay="0"/>
                                          </p:stCondLst>
                                        </p:cTn>
                                        <p:tgtEl>
                                          <p:spTgt spid="7"/>
                                        </p:tgtEl>
                                        <p:attrNameLst>
                                          <p:attrName>style.visibility</p:attrName>
                                        </p:attrNameLst>
                                      </p:cBhvr>
                                      <p:to>
                                        <p:strVal val="visible"/>
                                      </p:to>
                                    </p:set>
                                    <p:animEffect transition="in" filter="wipe(left)">
                                      <p:cBhvr>
                                        <p:cTn id="29" dur="500"/>
                                        <p:tgtEl>
                                          <p:spTgt spid="7"/>
                                        </p:tgtEl>
                                      </p:cBhvr>
                                    </p:animEffect>
                                  </p:childTnLst>
                                </p:cTn>
                              </p:par>
                            </p:childTnLst>
                          </p:cTn>
                        </p:par>
                        <p:par>
                          <p:cTn id="30" fill="hold">
                            <p:stCondLst>
                              <p:cond delay="3000"/>
                            </p:stCondLst>
                            <p:childTnLst>
                              <p:par>
                                <p:cTn id="31" presetID="22" presetClass="entr" presetSubtype="8" fill="hold" grpId="0" nodeType="afterEffect">
                                  <p:stCondLst>
                                    <p:cond delay="0"/>
                                  </p:stCondLst>
                                  <p:childTnLst>
                                    <p:set>
                                      <p:cBhvr>
                                        <p:cTn id="32" dur="1" fill="hold">
                                          <p:stCondLst>
                                            <p:cond delay="0"/>
                                          </p:stCondLst>
                                        </p:cTn>
                                        <p:tgtEl>
                                          <p:spTgt spid="6"/>
                                        </p:tgtEl>
                                        <p:attrNameLst>
                                          <p:attrName>style.visibility</p:attrName>
                                        </p:attrNameLst>
                                      </p:cBhvr>
                                      <p:to>
                                        <p:strVal val="visible"/>
                                      </p:to>
                                    </p:set>
                                    <p:animEffect transition="in" filter="wipe(left)">
                                      <p:cBhvr>
                                        <p:cTn id="33"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animBg="1"/>
      <p:bldP spid="6" grpId="0" animBg="1"/>
      <p:bldP spid="5" grpId="0" animBg="1"/>
      <p:bldP spid="7"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FE9F5DF-336E-45BB-941E-D5934948A4E3}"/>
              </a:ext>
            </a:extLst>
          </p:cNvPr>
          <p:cNvSpPr>
            <a:spLocks noGrp="1"/>
          </p:cNvSpPr>
          <p:nvPr>
            <p:ph type="title"/>
          </p:nvPr>
        </p:nvSpPr>
        <p:spPr>
          <a:xfrm>
            <a:off x="2560175" y="504844"/>
            <a:ext cx="7443537" cy="694815"/>
          </a:xfrm>
        </p:spPr>
        <p:txBody>
          <a:bodyPr>
            <a:normAutofit fontScale="90000"/>
          </a:bodyPr>
          <a:lstStyle/>
          <a:p>
            <a:r>
              <a:rPr lang="tr-TR" sz="4000" dirty="0"/>
              <a:t>Dua ile ilgili birkaç soru?</a:t>
            </a:r>
            <a:endParaRPr lang="en-US" sz="4000" dirty="0"/>
          </a:p>
        </p:txBody>
      </p:sp>
      <p:sp>
        <p:nvSpPr>
          <p:cNvPr id="3" name="Text Placeholder 2">
            <a:extLst>
              <a:ext uri="{FF2B5EF4-FFF2-40B4-BE49-F238E27FC236}">
                <a16:creationId xmlns:a16="http://schemas.microsoft.com/office/drawing/2014/main" id="{E95771B0-4027-4EC9-B6D1-F6EC5110E995}"/>
              </a:ext>
            </a:extLst>
          </p:cNvPr>
          <p:cNvSpPr>
            <a:spLocks noGrp="1"/>
          </p:cNvSpPr>
          <p:nvPr>
            <p:ph type="body" sz="quarter" idx="52"/>
          </p:nvPr>
        </p:nvSpPr>
        <p:spPr>
          <a:xfrm>
            <a:off x="621620" y="3621687"/>
            <a:ext cx="3877109" cy="1260708"/>
          </a:xfrm>
          <a:ln>
            <a:solidFill>
              <a:srgbClr val="FFCE54"/>
            </a:solidFill>
          </a:ln>
        </p:spPr>
        <p:txBody>
          <a:bodyPr/>
          <a:lstStyle/>
          <a:p>
            <a:r>
              <a:rPr lang="tr-TR" sz="3200" dirty="0"/>
              <a:t>Duada Allah’tan neler istenmektedir?</a:t>
            </a:r>
            <a:endParaRPr lang="en-US" sz="3200" dirty="0"/>
          </a:p>
        </p:txBody>
      </p:sp>
      <p:sp>
        <p:nvSpPr>
          <p:cNvPr id="4" name="Text Placeholder 3">
            <a:extLst>
              <a:ext uri="{FF2B5EF4-FFF2-40B4-BE49-F238E27FC236}">
                <a16:creationId xmlns:a16="http://schemas.microsoft.com/office/drawing/2014/main" id="{16F324F9-2280-4D40-ACCB-B9F5109553A4}"/>
              </a:ext>
            </a:extLst>
          </p:cNvPr>
          <p:cNvSpPr>
            <a:spLocks noGrp="1"/>
          </p:cNvSpPr>
          <p:nvPr>
            <p:ph type="body" sz="quarter" idx="53"/>
          </p:nvPr>
        </p:nvSpPr>
        <p:spPr>
          <a:xfrm>
            <a:off x="2181726" y="2948444"/>
            <a:ext cx="1537123" cy="633943"/>
          </a:xfrm>
        </p:spPr>
        <p:txBody>
          <a:bodyPr/>
          <a:lstStyle/>
          <a:p>
            <a:r>
              <a:rPr lang="tr-TR" sz="4400" dirty="0"/>
              <a:t>1</a:t>
            </a:r>
            <a:endParaRPr lang="en-US" sz="4400" dirty="0"/>
          </a:p>
        </p:txBody>
      </p:sp>
      <p:sp>
        <p:nvSpPr>
          <p:cNvPr id="5" name="Text Placeholder 4">
            <a:extLst>
              <a:ext uri="{FF2B5EF4-FFF2-40B4-BE49-F238E27FC236}">
                <a16:creationId xmlns:a16="http://schemas.microsoft.com/office/drawing/2014/main" id="{B8DF910C-63A8-4418-90FB-B6A880C9D1C8}"/>
              </a:ext>
            </a:extLst>
          </p:cNvPr>
          <p:cNvSpPr>
            <a:spLocks noGrp="1"/>
          </p:cNvSpPr>
          <p:nvPr>
            <p:ph type="body" sz="quarter" idx="56"/>
          </p:nvPr>
        </p:nvSpPr>
        <p:spPr>
          <a:xfrm>
            <a:off x="7693648" y="2920384"/>
            <a:ext cx="4427621" cy="1137393"/>
          </a:xfrm>
          <a:ln>
            <a:solidFill>
              <a:srgbClr val="A1D469"/>
            </a:solidFill>
          </a:ln>
        </p:spPr>
        <p:txBody>
          <a:bodyPr/>
          <a:lstStyle/>
          <a:p>
            <a:r>
              <a:rPr lang="tr-TR" sz="3200"/>
              <a:t>Dua, </a:t>
            </a:r>
            <a:r>
              <a:rPr lang="tr-TR" sz="3200" dirty="0"/>
              <a:t>sadece sıkıntılı anlarımızda mı yapılmalı?</a:t>
            </a:r>
          </a:p>
        </p:txBody>
      </p:sp>
      <p:sp>
        <p:nvSpPr>
          <p:cNvPr id="6" name="Text Placeholder 5">
            <a:extLst>
              <a:ext uri="{FF2B5EF4-FFF2-40B4-BE49-F238E27FC236}">
                <a16:creationId xmlns:a16="http://schemas.microsoft.com/office/drawing/2014/main" id="{C402B6D6-5CBF-4197-B729-0993AE2C62DB}"/>
              </a:ext>
            </a:extLst>
          </p:cNvPr>
          <p:cNvSpPr>
            <a:spLocks noGrp="1"/>
          </p:cNvSpPr>
          <p:nvPr>
            <p:ph type="body" sz="quarter" idx="57"/>
          </p:nvPr>
        </p:nvSpPr>
        <p:spPr>
          <a:xfrm>
            <a:off x="8509147" y="2169401"/>
            <a:ext cx="634853" cy="633943"/>
          </a:xfrm>
        </p:spPr>
        <p:txBody>
          <a:bodyPr/>
          <a:lstStyle/>
          <a:p>
            <a:r>
              <a:rPr lang="tr-TR" sz="4400" dirty="0"/>
              <a:t>2</a:t>
            </a:r>
            <a:endParaRPr lang="en-US" sz="4400" dirty="0"/>
          </a:p>
        </p:txBody>
      </p:sp>
      <p:sp>
        <p:nvSpPr>
          <p:cNvPr id="7" name="Text Placeholder 6">
            <a:extLst>
              <a:ext uri="{FF2B5EF4-FFF2-40B4-BE49-F238E27FC236}">
                <a16:creationId xmlns:a16="http://schemas.microsoft.com/office/drawing/2014/main" id="{7E29B85B-B1D8-4916-BDB3-B36F9CDCBD03}"/>
              </a:ext>
            </a:extLst>
          </p:cNvPr>
          <p:cNvSpPr>
            <a:spLocks noGrp="1"/>
          </p:cNvSpPr>
          <p:nvPr>
            <p:ph type="body" sz="quarter" idx="58"/>
          </p:nvPr>
        </p:nvSpPr>
        <p:spPr>
          <a:xfrm>
            <a:off x="7693647" y="4694830"/>
            <a:ext cx="4427621" cy="1137393"/>
          </a:xfrm>
          <a:ln>
            <a:solidFill>
              <a:srgbClr val="49CFAE"/>
            </a:solidFill>
          </a:ln>
        </p:spPr>
        <p:txBody>
          <a:bodyPr/>
          <a:lstStyle/>
          <a:p>
            <a:r>
              <a:rPr lang="en-US" sz="3200" dirty="0"/>
              <a:t>Allah’tan başkasına dua edil</a:t>
            </a:r>
            <a:r>
              <a:rPr lang="tr-TR" sz="3200" dirty="0"/>
              <a:t>ilir mi?</a:t>
            </a:r>
            <a:endParaRPr lang="en-US" sz="3200" dirty="0"/>
          </a:p>
        </p:txBody>
      </p:sp>
      <p:sp>
        <p:nvSpPr>
          <p:cNvPr id="8" name="Text Placeholder 7">
            <a:extLst>
              <a:ext uri="{FF2B5EF4-FFF2-40B4-BE49-F238E27FC236}">
                <a16:creationId xmlns:a16="http://schemas.microsoft.com/office/drawing/2014/main" id="{70FEBF32-656E-402E-A8B7-6B9D7F909D7D}"/>
              </a:ext>
            </a:extLst>
          </p:cNvPr>
          <p:cNvSpPr>
            <a:spLocks noGrp="1"/>
          </p:cNvSpPr>
          <p:nvPr>
            <p:ph type="body" sz="quarter" idx="59"/>
          </p:nvPr>
        </p:nvSpPr>
        <p:spPr>
          <a:xfrm>
            <a:off x="8509147" y="4163520"/>
            <a:ext cx="819208" cy="633943"/>
          </a:xfrm>
        </p:spPr>
        <p:txBody>
          <a:bodyPr/>
          <a:lstStyle/>
          <a:p>
            <a:r>
              <a:rPr lang="tr-TR" sz="4400" dirty="0"/>
              <a:t>3</a:t>
            </a:r>
            <a:endParaRPr lang="en-US" sz="4400" dirty="0"/>
          </a:p>
        </p:txBody>
      </p:sp>
    </p:spTree>
    <p:custDataLst>
      <p:tags r:id="rId1"/>
    </p:custDataLst>
    <p:extLst>
      <p:ext uri="{BB962C8B-B14F-4D97-AF65-F5344CB8AC3E}">
        <p14:creationId xmlns:p14="http://schemas.microsoft.com/office/powerpoint/2010/main" val="32799449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wipe(down)">
                                      <p:cBhvr>
                                        <p:cTn id="7" dur="500"/>
                                        <p:tgtEl>
                                          <p:spTgt spid="4">
                                            <p:txEl>
                                              <p:pRg st="0" end="0"/>
                                            </p:txEl>
                                          </p:spTgt>
                                        </p:tgtEl>
                                      </p:cBhvr>
                                    </p:animEffect>
                                  </p:childTnLst>
                                </p:cTn>
                              </p:par>
                            </p:childTnLst>
                          </p:cTn>
                        </p:par>
                        <p:par>
                          <p:cTn id="8" fill="hold">
                            <p:stCondLst>
                              <p:cond delay="500"/>
                            </p:stCondLst>
                            <p:childTnLst>
                              <p:par>
                                <p:cTn id="9" presetID="22" presetClass="entr" presetSubtype="2" fill="hold" grpId="0" nodeType="afterEffect">
                                  <p:stCondLst>
                                    <p:cond delay="0"/>
                                  </p:stCondLst>
                                  <p:childTnLst>
                                    <p:set>
                                      <p:cBhvr>
                                        <p:cTn id="10" dur="1" fill="hold">
                                          <p:stCondLst>
                                            <p:cond delay="0"/>
                                          </p:stCondLst>
                                        </p:cTn>
                                        <p:tgtEl>
                                          <p:spTgt spid="3">
                                            <p:bg/>
                                          </p:spTgt>
                                        </p:tgtEl>
                                        <p:attrNameLst>
                                          <p:attrName>style.visibility</p:attrName>
                                        </p:attrNameLst>
                                      </p:cBhvr>
                                      <p:to>
                                        <p:strVal val="visible"/>
                                      </p:to>
                                    </p:set>
                                    <p:animEffect transition="in" filter="wipe(right)">
                                      <p:cBhvr>
                                        <p:cTn id="11" dur="500"/>
                                        <p:tgtEl>
                                          <p:spTgt spid="3">
                                            <p:bg/>
                                          </p:spTgt>
                                        </p:tgtEl>
                                      </p:cBhvr>
                                    </p:animEffect>
                                  </p:childTnLst>
                                </p:cTn>
                              </p:par>
                            </p:childTnLst>
                          </p:cTn>
                        </p:par>
                        <p:par>
                          <p:cTn id="12" fill="hold">
                            <p:stCondLst>
                              <p:cond delay="1000"/>
                            </p:stCondLst>
                            <p:childTnLst>
                              <p:par>
                                <p:cTn id="13" presetID="22" presetClass="entr" presetSubtype="2" fill="hold" grpId="0" nodeType="afterEffect">
                                  <p:stCondLst>
                                    <p:cond delay="0"/>
                                  </p:stCondLst>
                                  <p:childTnLst>
                                    <p:set>
                                      <p:cBhvr>
                                        <p:cTn id="14" dur="1" fill="hold">
                                          <p:stCondLst>
                                            <p:cond delay="0"/>
                                          </p:stCondLst>
                                        </p:cTn>
                                        <p:tgtEl>
                                          <p:spTgt spid="3">
                                            <p:txEl>
                                              <p:pRg st="0" end="0"/>
                                            </p:txEl>
                                          </p:spTgt>
                                        </p:tgtEl>
                                        <p:attrNameLst>
                                          <p:attrName>style.visibility</p:attrName>
                                        </p:attrNameLst>
                                      </p:cBhvr>
                                      <p:to>
                                        <p:strVal val="visible"/>
                                      </p:to>
                                    </p:set>
                                    <p:animEffect transition="in" filter="wipe(right)">
                                      <p:cBhvr>
                                        <p:cTn id="15" dur="500"/>
                                        <p:tgtEl>
                                          <p:spTgt spid="3">
                                            <p:txEl>
                                              <p:pRg st="0" end="0"/>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4" fill="hold" grpId="0" nodeType="clickEffect">
                                  <p:stCondLst>
                                    <p:cond delay="0"/>
                                  </p:stCondLst>
                                  <p:childTnLst>
                                    <p:set>
                                      <p:cBhvr>
                                        <p:cTn id="19" dur="1" fill="hold">
                                          <p:stCondLst>
                                            <p:cond delay="0"/>
                                          </p:stCondLst>
                                        </p:cTn>
                                        <p:tgtEl>
                                          <p:spTgt spid="6">
                                            <p:txEl>
                                              <p:pRg st="0" end="0"/>
                                            </p:txEl>
                                          </p:spTgt>
                                        </p:tgtEl>
                                        <p:attrNameLst>
                                          <p:attrName>style.visibility</p:attrName>
                                        </p:attrNameLst>
                                      </p:cBhvr>
                                      <p:to>
                                        <p:strVal val="visible"/>
                                      </p:to>
                                    </p:set>
                                    <p:animEffect transition="in" filter="wipe(down)">
                                      <p:cBhvr>
                                        <p:cTn id="20" dur="500"/>
                                        <p:tgtEl>
                                          <p:spTgt spid="6">
                                            <p:txEl>
                                              <p:pRg st="0" end="0"/>
                                            </p:txEl>
                                          </p:spTgt>
                                        </p:tgtEl>
                                      </p:cBhvr>
                                    </p:animEffect>
                                  </p:childTnLst>
                                </p:cTn>
                              </p:par>
                            </p:childTnLst>
                          </p:cTn>
                        </p:par>
                        <p:par>
                          <p:cTn id="21" fill="hold">
                            <p:stCondLst>
                              <p:cond delay="500"/>
                            </p:stCondLst>
                            <p:childTnLst>
                              <p:par>
                                <p:cTn id="22" presetID="22" presetClass="entr" presetSubtype="8" fill="hold" grpId="0" nodeType="afterEffect">
                                  <p:stCondLst>
                                    <p:cond delay="0"/>
                                  </p:stCondLst>
                                  <p:childTnLst>
                                    <p:set>
                                      <p:cBhvr>
                                        <p:cTn id="23" dur="1" fill="hold">
                                          <p:stCondLst>
                                            <p:cond delay="0"/>
                                          </p:stCondLst>
                                        </p:cTn>
                                        <p:tgtEl>
                                          <p:spTgt spid="5">
                                            <p:bg/>
                                          </p:spTgt>
                                        </p:tgtEl>
                                        <p:attrNameLst>
                                          <p:attrName>style.visibility</p:attrName>
                                        </p:attrNameLst>
                                      </p:cBhvr>
                                      <p:to>
                                        <p:strVal val="visible"/>
                                      </p:to>
                                    </p:set>
                                    <p:animEffect transition="in" filter="wipe(left)">
                                      <p:cBhvr>
                                        <p:cTn id="24" dur="500"/>
                                        <p:tgtEl>
                                          <p:spTgt spid="5">
                                            <p:bg/>
                                          </p:spTgt>
                                        </p:tgtEl>
                                      </p:cBhvr>
                                    </p:animEffect>
                                  </p:childTnLst>
                                </p:cTn>
                              </p:par>
                            </p:childTnLst>
                          </p:cTn>
                        </p:par>
                        <p:par>
                          <p:cTn id="25" fill="hold">
                            <p:stCondLst>
                              <p:cond delay="1000"/>
                            </p:stCondLst>
                            <p:childTnLst>
                              <p:par>
                                <p:cTn id="26" presetID="22" presetClass="entr" presetSubtype="8" fill="hold" grpId="0" nodeType="afterEffect">
                                  <p:stCondLst>
                                    <p:cond delay="0"/>
                                  </p:stCondLst>
                                  <p:childTnLst>
                                    <p:set>
                                      <p:cBhvr>
                                        <p:cTn id="27" dur="1" fill="hold">
                                          <p:stCondLst>
                                            <p:cond delay="0"/>
                                          </p:stCondLst>
                                        </p:cTn>
                                        <p:tgtEl>
                                          <p:spTgt spid="5">
                                            <p:txEl>
                                              <p:pRg st="0" end="0"/>
                                            </p:txEl>
                                          </p:spTgt>
                                        </p:tgtEl>
                                        <p:attrNameLst>
                                          <p:attrName>style.visibility</p:attrName>
                                        </p:attrNameLst>
                                      </p:cBhvr>
                                      <p:to>
                                        <p:strVal val="visible"/>
                                      </p:to>
                                    </p:set>
                                    <p:animEffect transition="in" filter="wipe(left)">
                                      <p:cBhvr>
                                        <p:cTn id="28" dur="500"/>
                                        <p:tgtEl>
                                          <p:spTgt spid="5">
                                            <p:txEl>
                                              <p:pRg st="0" end="0"/>
                                            </p:txEl>
                                          </p:spTgt>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4" fill="hold" grpId="0" nodeType="clickEffect">
                                  <p:stCondLst>
                                    <p:cond delay="0"/>
                                  </p:stCondLst>
                                  <p:childTnLst>
                                    <p:set>
                                      <p:cBhvr>
                                        <p:cTn id="32" dur="1" fill="hold">
                                          <p:stCondLst>
                                            <p:cond delay="0"/>
                                          </p:stCondLst>
                                        </p:cTn>
                                        <p:tgtEl>
                                          <p:spTgt spid="8">
                                            <p:txEl>
                                              <p:pRg st="0" end="0"/>
                                            </p:txEl>
                                          </p:spTgt>
                                        </p:tgtEl>
                                        <p:attrNameLst>
                                          <p:attrName>style.visibility</p:attrName>
                                        </p:attrNameLst>
                                      </p:cBhvr>
                                      <p:to>
                                        <p:strVal val="visible"/>
                                      </p:to>
                                    </p:set>
                                    <p:animEffect transition="in" filter="wipe(down)">
                                      <p:cBhvr>
                                        <p:cTn id="33" dur="500"/>
                                        <p:tgtEl>
                                          <p:spTgt spid="8">
                                            <p:txEl>
                                              <p:pRg st="0" end="0"/>
                                            </p:txEl>
                                          </p:spTgt>
                                        </p:tgtEl>
                                      </p:cBhvr>
                                    </p:animEffect>
                                  </p:childTnLst>
                                </p:cTn>
                              </p:par>
                            </p:childTnLst>
                          </p:cTn>
                        </p:par>
                        <p:par>
                          <p:cTn id="34" fill="hold">
                            <p:stCondLst>
                              <p:cond delay="500"/>
                            </p:stCondLst>
                            <p:childTnLst>
                              <p:par>
                                <p:cTn id="35" presetID="22" presetClass="entr" presetSubtype="8" fill="hold" grpId="0" nodeType="afterEffect">
                                  <p:stCondLst>
                                    <p:cond delay="0"/>
                                  </p:stCondLst>
                                  <p:childTnLst>
                                    <p:set>
                                      <p:cBhvr>
                                        <p:cTn id="36" dur="1" fill="hold">
                                          <p:stCondLst>
                                            <p:cond delay="0"/>
                                          </p:stCondLst>
                                        </p:cTn>
                                        <p:tgtEl>
                                          <p:spTgt spid="7">
                                            <p:bg/>
                                          </p:spTgt>
                                        </p:tgtEl>
                                        <p:attrNameLst>
                                          <p:attrName>style.visibility</p:attrName>
                                        </p:attrNameLst>
                                      </p:cBhvr>
                                      <p:to>
                                        <p:strVal val="visible"/>
                                      </p:to>
                                    </p:set>
                                    <p:animEffect transition="in" filter="wipe(left)">
                                      <p:cBhvr>
                                        <p:cTn id="37" dur="500"/>
                                        <p:tgtEl>
                                          <p:spTgt spid="7">
                                            <p:bg/>
                                          </p:spTgt>
                                        </p:tgtEl>
                                      </p:cBhvr>
                                    </p:animEffect>
                                  </p:childTnLst>
                                </p:cTn>
                              </p:par>
                            </p:childTnLst>
                          </p:cTn>
                        </p:par>
                        <p:par>
                          <p:cTn id="38" fill="hold">
                            <p:stCondLst>
                              <p:cond delay="1000"/>
                            </p:stCondLst>
                            <p:childTnLst>
                              <p:par>
                                <p:cTn id="39" presetID="22" presetClass="entr" presetSubtype="8" fill="hold" grpId="0" nodeType="afterEffect">
                                  <p:stCondLst>
                                    <p:cond delay="0"/>
                                  </p:stCondLst>
                                  <p:childTnLst>
                                    <p:set>
                                      <p:cBhvr>
                                        <p:cTn id="40" dur="1" fill="hold">
                                          <p:stCondLst>
                                            <p:cond delay="0"/>
                                          </p:stCondLst>
                                        </p:cTn>
                                        <p:tgtEl>
                                          <p:spTgt spid="7">
                                            <p:txEl>
                                              <p:pRg st="0" end="0"/>
                                            </p:txEl>
                                          </p:spTgt>
                                        </p:tgtEl>
                                        <p:attrNameLst>
                                          <p:attrName>style.visibility</p:attrName>
                                        </p:attrNameLst>
                                      </p:cBhvr>
                                      <p:to>
                                        <p:strVal val="visible"/>
                                      </p:to>
                                    </p:set>
                                    <p:animEffect transition="in" filter="wipe(left)">
                                      <p:cBhvr>
                                        <p:cTn id="41" dur="500"/>
                                        <p:tgtEl>
                                          <p:spTgt spid="7">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animBg="1"/>
      <p:bldP spid="4" grpId="0" build="p"/>
      <p:bldP spid="5" grpId="0" build="p" animBg="1"/>
      <p:bldP spid="6" grpId="0" build="p"/>
      <p:bldP spid="7" grpId="0" build="p" animBg="1"/>
      <p:bldP spid="8" grpId="0" build="p"/>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 name="Shape">
            <a:extLst>
              <a:ext uri="{FF2B5EF4-FFF2-40B4-BE49-F238E27FC236}">
                <a16:creationId xmlns:a16="http://schemas.microsoft.com/office/drawing/2014/main" id="{C15007B1-745F-4222-AEDB-FA808ECB4E9E}"/>
              </a:ext>
            </a:extLst>
          </p:cNvPr>
          <p:cNvSpPr/>
          <p:nvPr/>
        </p:nvSpPr>
        <p:spPr>
          <a:xfrm>
            <a:off x="8107073" y="196637"/>
            <a:ext cx="3851962" cy="2184992"/>
          </a:xfrm>
          <a:custGeom>
            <a:avLst/>
            <a:gdLst/>
            <a:ahLst/>
            <a:cxnLst>
              <a:cxn ang="0">
                <a:pos x="wd2" y="hd2"/>
              </a:cxn>
              <a:cxn ang="5400000">
                <a:pos x="wd2" y="hd2"/>
              </a:cxn>
              <a:cxn ang="10800000">
                <a:pos x="wd2" y="hd2"/>
              </a:cxn>
              <a:cxn ang="16200000">
                <a:pos x="wd2" y="hd2"/>
              </a:cxn>
            </a:cxnLst>
            <a:rect l="0" t="0" r="r" b="b"/>
            <a:pathLst>
              <a:path w="21309" h="21600" extrusionOk="0">
                <a:moveTo>
                  <a:pt x="995" y="21600"/>
                </a:moveTo>
                <a:lnTo>
                  <a:pt x="20318" y="21600"/>
                </a:lnTo>
                <a:cubicBezTo>
                  <a:pt x="20864" y="21600"/>
                  <a:pt x="21309" y="20963"/>
                  <a:pt x="21309" y="20181"/>
                </a:cubicBezTo>
                <a:lnTo>
                  <a:pt x="21309" y="1419"/>
                </a:lnTo>
                <a:cubicBezTo>
                  <a:pt x="21309" y="637"/>
                  <a:pt x="20864" y="0"/>
                  <a:pt x="20318" y="0"/>
                </a:cubicBezTo>
                <a:lnTo>
                  <a:pt x="3616" y="0"/>
                </a:lnTo>
                <a:cubicBezTo>
                  <a:pt x="3070" y="0"/>
                  <a:pt x="2625" y="637"/>
                  <a:pt x="2625" y="1419"/>
                </a:cubicBezTo>
                <a:lnTo>
                  <a:pt x="2625" y="14299"/>
                </a:lnTo>
                <a:cubicBezTo>
                  <a:pt x="2625" y="14608"/>
                  <a:pt x="2554" y="14911"/>
                  <a:pt x="2422" y="15163"/>
                </a:cubicBezTo>
                <a:lnTo>
                  <a:pt x="202" y="19324"/>
                </a:lnTo>
                <a:cubicBezTo>
                  <a:pt x="-291" y="20251"/>
                  <a:pt x="176" y="21600"/>
                  <a:pt x="995" y="21600"/>
                </a:cubicBezTo>
                <a:close/>
              </a:path>
            </a:pathLst>
          </a:custGeom>
          <a:solidFill>
            <a:schemeClr val="accent4">
              <a:lumMod val="60000"/>
              <a:lumOff val="40000"/>
            </a:schemeClr>
          </a:solidFill>
          <a:ln w="12700">
            <a:miter lim="400000"/>
          </a:ln>
          <a:effectLst>
            <a:outerShdw blurRad="101600" dist="50800" dir="5400000" algn="t" rotWithShape="0">
              <a:prstClr val="black">
                <a:alpha val="40000"/>
              </a:prstClr>
            </a:outerShdw>
          </a:effectLst>
        </p:spPr>
        <p:txBody>
          <a:bodyPr rot="0" spcFirstLastPara="0" vertOverflow="overflow" horzOverflow="overflow" vert="horz" wrap="square" lIns="468000" tIns="38100" rIns="108000" bIns="38100" numCol="1" spcCol="0" rtlCol="0" fromWordArt="0" anchor="ctr" anchorCtr="0" forceAA="0" compatLnSpc="1">
            <a:prstTxWarp prst="textNoShape">
              <a:avLst/>
            </a:prstTxWarp>
            <a:noAutofit/>
          </a:bodyPr>
          <a:lstStyle/>
          <a:p>
            <a:pPr lvl="0" algn="ctr"/>
            <a:r>
              <a:rPr kumimoji="0" lang="en-US" sz="2400" b="0" i="0" u="none" strike="noStrike" kern="0" cap="none" spc="0" normalizeH="0" baseline="0" noProof="1">
                <a:ln>
                  <a:noFill/>
                </a:ln>
                <a:effectLst/>
                <a:uLnTx/>
                <a:uFillTx/>
              </a:rPr>
              <a:t>Sadece zor zaman</a:t>
            </a:r>
            <a:r>
              <a:rPr kumimoji="0" lang="tr-TR" sz="2400" b="0" i="0" u="none" strike="noStrike" kern="0" cap="none" spc="0" normalizeH="0" noProof="1">
                <a:ln>
                  <a:noFill/>
                </a:ln>
                <a:effectLst/>
                <a:uLnTx/>
                <a:uFillTx/>
              </a:rPr>
              <a:t> ve</a:t>
            </a:r>
            <a:r>
              <a:rPr kumimoji="0" lang="en-US" sz="2400" b="0" i="0" u="none" strike="noStrike" kern="0" cap="none" spc="0" normalizeH="0" baseline="0" noProof="1">
                <a:ln>
                  <a:noFill/>
                </a:ln>
                <a:effectLst/>
                <a:uLnTx/>
                <a:uFillTx/>
              </a:rPr>
              <a:t> d</a:t>
            </a:r>
            <a:r>
              <a:rPr kumimoji="0" lang="tr-TR" sz="2400" b="0" i="0" u="none" strike="noStrike" kern="0" cap="none" spc="0" normalizeH="0" baseline="0" noProof="1">
                <a:ln>
                  <a:noFill/>
                </a:ln>
                <a:effectLst/>
                <a:uLnTx/>
                <a:uFillTx/>
              </a:rPr>
              <a:t>urumlarda değil, her durm</a:t>
            </a:r>
            <a:r>
              <a:rPr lang="tr-TR" sz="2400" kern="0" noProof="1"/>
              <a:t>da Allah’a dua edilmelidir.</a:t>
            </a:r>
            <a:endParaRPr kumimoji="0" lang="en-US" sz="2400" b="0" i="0" u="none" strike="noStrike" kern="0" cap="none" spc="0" normalizeH="0" baseline="0" noProof="1">
              <a:ln>
                <a:noFill/>
              </a:ln>
              <a:effectLst/>
              <a:uLnTx/>
              <a:uFillTx/>
            </a:endParaRPr>
          </a:p>
        </p:txBody>
      </p:sp>
      <p:sp>
        <p:nvSpPr>
          <p:cNvPr id="24" name="Shape">
            <a:extLst>
              <a:ext uri="{FF2B5EF4-FFF2-40B4-BE49-F238E27FC236}">
                <a16:creationId xmlns:a16="http://schemas.microsoft.com/office/drawing/2014/main" id="{9B80EBAD-C359-4B86-AE63-8AD485369FA9}"/>
              </a:ext>
            </a:extLst>
          </p:cNvPr>
          <p:cNvSpPr/>
          <p:nvPr/>
        </p:nvSpPr>
        <p:spPr>
          <a:xfrm>
            <a:off x="8210994" y="4493182"/>
            <a:ext cx="3644121" cy="2101140"/>
          </a:xfrm>
          <a:custGeom>
            <a:avLst/>
            <a:gdLst/>
            <a:ahLst/>
            <a:cxnLst>
              <a:cxn ang="0">
                <a:pos x="wd2" y="hd2"/>
              </a:cxn>
              <a:cxn ang="5400000">
                <a:pos x="wd2" y="hd2"/>
              </a:cxn>
              <a:cxn ang="10800000">
                <a:pos x="wd2" y="hd2"/>
              </a:cxn>
              <a:cxn ang="16200000">
                <a:pos x="wd2" y="hd2"/>
              </a:cxn>
            </a:cxnLst>
            <a:rect l="0" t="0" r="r" b="b"/>
            <a:pathLst>
              <a:path w="21309" h="21600" extrusionOk="0">
                <a:moveTo>
                  <a:pt x="995" y="0"/>
                </a:moveTo>
                <a:lnTo>
                  <a:pt x="20318" y="0"/>
                </a:lnTo>
                <a:cubicBezTo>
                  <a:pt x="20864" y="0"/>
                  <a:pt x="21309" y="637"/>
                  <a:pt x="21309" y="1419"/>
                </a:cubicBezTo>
                <a:lnTo>
                  <a:pt x="21309" y="20181"/>
                </a:lnTo>
                <a:cubicBezTo>
                  <a:pt x="21309" y="20963"/>
                  <a:pt x="20864" y="21600"/>
                  <a:pt x="20318" y="21600"/>
                </a:cubicBezTo>
                <a:lnTo>
                  <a:pt x="3616" y="21600"/>
                </a:lnTo>
                <a:cubicBezTo>
                  <a:pt x="3070" y="21600"/>
                  <a:pt x="2625" y="20963"/>
                  <a:pt x="2625" y="20181"/>
                </a:cubicBezTo>
                <a:lnTo>
                  <a:pt x="2625" y="7301"/>
                </a:lnTo>
                <a:cubicBezTo>
                  <a:pt x="2625" y="6992"/>
                  <a:pt x="2554" y="6689"/>
                  <a:pt x="2422" y="6437"/>
                </a:cubicBezTo>
                <a:lnTo>
                  <a:pt x="202" y="2276"/>
                </a:lnTo>
                <a:cubicBezTo>
                  <a:pt x="-291" y="1343"/>
                  <a:pt x="176" y="0"/>
                  <a:pt x="995" y="0"/>
                </a:cubicBezTo>
                <a:close/>
              </a:path>
            </a:pathLst>
          </a:custGeom>
          <a:solidFill>
            <a:srgbClr val="4CC1EF"/>
          </a:solidFill>
          <a:ln w="12700">
            <a:miter lim="400000"/>
          </a:ln>
          <a:effectLst>
            <a:outerShdw blurRad="101600" dist="50800" dir="5400000" algn="t" rotWithShape="0">
              <a:prstClr val="black">
                <a:alpha val="40000"/>
              </a:prstClr>
            </a:outerShdw>
          </a:effectLst>
        </p:spPr>
        <p:txBody>
          <a:bodyPr rot="0" spcFirstLastPara="0" vertOverflow="overflow" horzOverflow="overflow" vert="horz" wrap="square" lIns="468000" tIns="38100" rIns="108000" bIns="38100" numCol="1" spcCol="0" rtlCol="0" fromWordArt="0" anchor="ctr" anchorCtr="0" forceAA="0" compatLnSpc="1">
            <a:prstTxWarp prst="textNoShape">
              <a:avLst/>
            </a:prstTxWarp>
            <a:noAutofit/>
          </a:bodyPr>
          <a:lstStyle/>
          <a:p>
            <a:pPr marL="0" marR="0" lvl="0" indent="0" algn="ctr" defTabSz="914400" eaLnBrk="1" fontAlgn="auto" latinLnBrk="0" hangingPunct="1">
              <a:spcBef>
                <a:spcPts val="0"/>
              </a:spcBef>
              <a:spcAft>
                <a:spcPts val="0"/>
              </a:spcAft>
              <a:buClrTx/>
              <a:buSzTx/>
              <a:buFontTx/>
              <a:buNone/>
              <a:tabLst/>
              <a:defRPr/>
            </a:pPr>
            <a:r>
              <a:rPr lang="tr-TR" sz="2400" kern="0" noProof="1"/>
              <a:t>Duada sadece hayırlı şeyler istenir. Haram, günah, kötü olan şeyler istenmez.</a:t>
            </a:r>
            <a:endParaRPr kumimoji="0" lang="en-US" sz="2400" b="0" i="0" u="none" strike="noStrike" kern="0" cap="none" spc="0" normalizeH="0" baseline="0" noProof="1">
              <a:ln>
                <a:noFill/>
              </a:ln>
              <a:effectLst/>
              <a:uLnTx/>
              <a:uFillTx/>
            </a:endParaRPr>
          </a:p>
        </p:txBody>
      </p:sp>
      <p:sp>
        <p:nvSpPr>
          <p:cNvPr id="25" name="Shape">
            <a:extLst>
              <a:ext uri="{FF2B5EF4-FFF2-40B4-BE49-F238E27FC236}">
                <a16:creationId xmlns:a16="http://schemas.microsoft.com/office/drawing/2014/main" id="{63BB4815-4A38-4646-B5DB-E10B51575541}"/>
              </a:ext>
            </a:extLst>
          </p:cNvPr>
          <p:cNvSpPr/>
          <p:nvPr/>
        </p:nvSpPr>
        <p:spPr>
          <a:xfrm>
            <a:off x="279161" y="440114"/>
            <a:ext cx="3960719" cy="1941515"/>
          </a:xfrm>
          <a:custGeom>
            <a:avLst/>
            <a:gdLst/>
            <a:ahLst/>
            <a:cxnLst>
              <a:cxn ang="0">
                <a:pos x="wd2" y="hd2"/>
              </a:cxn>
              <a:cxn ang="5400000">
                <a:pos x="wd2" y="hd2"/>
              </a:cxn>
              <a:cxn ang="10800000">
                <a:pos x="wd2" y="hd2"/>
              </a:cxn>
              <a:cxn ang="16200000">
                <a:pos x="wd2" y="hd2"/>
              </a:cxn>
            </a:cxnLst>
            <a:rect l="0" t="0" r="r" b="b"/>
            <a:pathLst>
              <a:path w="21309" h="21600" extrusionOk="0">
                <a:moveTo>
                  <a:pt x="20314" y="21600"/>
                </a:moveTo>
                <a:lnTo>
                  <a:pt x="991" y="21600"/>
                </a:lnTo>
                <a:cubicBezTo>
                  <a:pt x="445" y="21600"/>
                  <a:pt x="0" y="20963"/>
                  <a:pt x="0" y="20181"/>
                </a:cubicBezTo>
                <a:lnTo>
                  <a:pt x="0" y="1419"/>
                </a:lnTo>
                <a:cubicBezTo>
                  <a:pt x="0" y="637"/>
                  <a:pt x="445" y="0"/>
                  <a:pt x="991" y="0"/>
                </a:cubicBezTo>
                <a:lnTo>
                  <a:pt x="17693" y="0"/>
                </a:lnTo>
                <a:cubicBezTo>
                  <a:pt x="18239" y="0"/>
                  <a:pt x="18684" y="637"/>
                  <a:pt x="18684" y="1419"/>
                </a:cubicBezTo>
                <a:lnTo>
                  <a:pt x="18684" y="14299"/>
                </a:lnTo>
                <a:cubicBezTo>
                  <a:pt x="18684" y="14608"/>
                  <a:pt x="18755" y="14911"/>
                  <a:pt x="18887" y="15163"/>
                </a:cubicBezTo>
                <a:lnTo>
                  <a:pt x="21107" y="19324"/>
                </a:lnTo>
                <a:cubicBezTo>
                  <a:pt x="21600" y="20251"/>
                  <a:pt x="21133" y="21600"/>
                  <a:pt x="20314" y="21600"/>
                </a:cubicBezTo>
                <a:close/>
              </a:path>
            </a:pathLst>
          </a:custGeom>
          <a:solidFill>
            <a:schemeClr val="accent6">
              <a:lumMod val="60000"/>
              <a:lumOff val="40000"/>
            </a:schemeClr>
          </a:solidFill>
          <a:ln w="12700">
            <a:miter lim="400000"/>
          </a:ln>
          <a:effectLst>
            <a:outerShdw blurRad="101600" dist="50800" dir="5400000" algn="t" rotWithShape="0">
              <a:prstClr val="black">
                <a:alpha val="40000"/>
              </a:prstClr>
            </a:outerShdw>
          </a:effectLst>
        </p:spPr>
        <p:txBody>
          <a:bodyPr rot="0" spcFirstLastPara="0" vertOverflow="overflow" horzOverflow="overflow" vert="horz" wrap="square" lIns="144000" tIns="38100" rIns="468000" bIns="38100" numCol="1" spcCol="0" rtlCol="0" fromWordArt="0" anchor="ctr" anchorCtr="0" forceAA="0" compatLnSpc="1">
            <a:prstTxWarp prst="textNoShape">
              <a:avLst/>
            </a:prstTxWarp>
            <a:noAutofit/>
          </a:bodyPr>
          <a:lstStyle/>
          <a:p>
            <a:pPr lvl="0" algn="ctr"/>
            <a:r>
              <a:rPr kumimoji="0" lang="en-US" sz="2800" b="0" i="0" u="none" strike="noStrike" kern="0" cap="none" spc="0" normalizeH="0" baseline="0" noProof="1">
                <a:ln>
                  <a:noFill/>
                </a:ln>
                <a:effectLst/>
                <a:uLnTx/>
                <a:uFillTx/>
              </a:rPr>
              <a:t>Dua doğrudan Allah’a (c.c.) yapılır. O’ndan</a:t>
            </a:r>
          </a:p>
          <a:p>
            <a:pPr lvl="0" algn="ctr"/>
            <a:r>
              <a:rPr kumimoji="0" lang="en-US" sz="2800" b="0" i="0" u="none" strike="noStrike" kern="0" cap="none" spc="0" normalizeH="0" baseline="0" noProof="1">
                <a:ln>
                  <a:noFill/>
                </a:ln>
                <a:effectLst/>
                <a:uLnTx/>
                <a:uFillTx/>
              </a:rPr>
              <a:t>başka varlıklara dua edilmez.</a:t>
            </a:r>
          </a:p>
        </p:txBody>
      </p:sp>
      <p:sp>
        <p:nvSpPr>
          <p:cNvPr id="26" name="Shape">
            <a:extLst>
              <a:ext uri="{FF2B5EF4-FFF2-40B4-BE49-F238E27FC236}">
                <a16:creationId xmlns:a16="http://schemas.microsoft.com/office/drawing/2014/main" id="{B780FA6D-DE17-4604-AAD7-402F703F0B82}"/>
              </a:ext>
            </a:extLst>
          </p:cNvPr>
          <p:cNvSpPr/>
          <p:nvPr/>
        </p:nvSpPr>
        <p:spPr>
          <a:xfrm>
            <a:off x="307797" y="4493182"/>
            <a:ext cx="3808589" cy="2101140"/>
          </a:xfrm>
          <a:custGeom>
            <a:avLst/>
            <a:gdLst/>
            <a:ahLst/>
            <a:cxnLst>
              <a:cxn ang="0">
                <a:pos x="wd2" y="hd2"/>
              </a:cxn>
              <a:cxn ang="5400000">
                <a:pos x="wd2" y="hd2"/>
              </a:cxn>
              <a:cxn ang="10800000">
                <a:pos x="wd2" y="hd2"/>
              </a:cxn>
              <a:cxn ang="16200000">
                <a:pos x="wd2" y="hd2"/>
              </a:cxn>
            </a:cxnLst>
            <a:rect l="0" t="0" r="r" b="b"/>
            <a:pathLst>
              <a:path w="21309" h="21600" extrusionOk="0">
                <a:moveTo>
                  <a:pt x="20314" y="0"/>
                </a:moveTo>
                <a:lnTo>
                  <a:pt x="991" y="0"/>
                </a:lnTo>
                <a:cubicBezTo>
                  <a:pt x="445" y="0"/>
                  <a:pt x="0" y="637"/>
                  <a:pt x="0" y="1419"/>
                </a:cubicBezTo>
                <a:lnTo>
                  <a:pt x="0" y="20181"/>
                </a:lnTo>
                <a:cubicBezTo>
                  <a:pt x="0" y="20963"/>
                  <a:pt x="445" y="21600"/>
                  <a:pt x="991" y="21600"/>
                </a:cubicBezTo>
                <a:lnTo>
                  <a:pt x="17693" y="21600"/>
                </a:lnTo>
                <a:cubicBezTo>
                  <a:pt x="18239" y="21600"/>
                  <a:pt x="18684" y="20963"/>
                  <a:pt x="18684" y="20181"/>
                </a:cubicBezTo>
                <a:lnTo>
                  <a:pt x="18684" y="7301"/>
                </a:lnTo>
                <a:cubicBezTo>
                  <a:pt x="18684" y="6992"/>
                  <a:pt x="18755" y="6689"/>
                  <a:pt x="18887" y="6437"/>
                </a:cubicBezTo>
                <a:lnTo>
                  <a:pt x="21107" y="2276"/>
                </a:lnTo>
                <a:cubicBezTo>
                  <a:pt x="21600" y="1343"/>
                  <a:pt x="21133" y="0"/>
                  <a:pt x="20314" y="0"/>
                </a:cubicBezTo>
                <a:close/>
              </a:path>
            </a:pathLst>
          </a:custGeom>
          <a:solidFill>
            <a:srgbClr val="FAA426"/>
          </a:solidFill>
          <a:ln w="12700">
            <a:miter lim="400000"/>
          </a:ln>
          <a:effectLst>
            <a:outerShdw blurRad="101600" dist="50800" dir="5400000" algn="t" rotWithShape="0">
              <a:prstClr val="black">
                <a:alpha val="40000"/>
              </a:prstClr>
            </a:outerShdw>
          </a:effectLst>
        </p:spPr>
        <p:txBody>
          <a:bodyPr rot="0" spcFirstLastPara="0" vertOverflow="overflow" horzOverflow="overflow" vert="horz" wrap="square" lIns="144000" tIns="38100" rIns="468000" bIns="38100" numCol="1" spcCol="0" rtlCol="0" fromWordArt="0" anchor="ctr" anchorCtr="0" forceAA="0" compatLnSpc="1">
            <a:prstTxWarp prst="textNoShape">
              <a:avLst/>
            </a:prstTxWarp>
            <a:noAutofit/>
          </a:bodyPr>
          <a:lstStyle/>
          <a:p>
            <a:pPr lvl="0" algn="ctr"/>
            <a:r>
              <a:rPr kumimoji="0" lang="en-US" sz="2800" b="0" i="0" u="none" strike="noStrike" kern="0" cap="none" spc="0" normalizeH="0" baseline="0" noProof="1">
                <a:ln>
                  <a:noFill/>
                </a:ln>
                <a:effectLst/>
                <a:uLnTx/>
                <a:uFillTx/>
              </a:rPr>
              <a:t>Kâinatta bulunan tüm varlıklar Yüce Allah</a:t>
            </a:r>
            <a:r>
              <a:rPr kumimoji="0" lang="tr-TR" sz="2800" b="0" i="0" u="none" strike="noStrike" kern="0" cap="none" spc="0" normalizeH="0" baseline="0" noProof="1">
                <a:ln>
                  <a:noFill/>
                </a:ln>
                <a:effectLst/>
                <a:uLnTx/>
                <a:uFillTx/>
              </a:rPr>
              <a:t> </a:t>
            </a:r>
            <a:r>
              <a:rPr lang="tr-TR" sz="2800" dirty="0"/>
              <a:t>dua etmektedir. </a:t>
            </a:r>
            <a:endParaRPr kumimoji="0" lang="en-US" sz="2800" b="0" i="0" u="none" strike="noStrike" kern="0" cap="none" spc="0" normalizeH="0" baseline="0" noProof="1">
              <a:ln>
                <a:noFill/>
              </a:ln>
              <a:effectLst/>
              <a:uLnTx/>
              <a:uFillTx/>
            </a:endParaRPr>
          </a:p>
        </p:txBody>
      </p:sp>
      <p:sp>
        <p:nvSpPr>
          <p:cNvPr id="27" name="Circle">
            <a:extLst>
              <a:ext uri="{FF2B5EF4-FFF2-40B4-BE49-F238E27FC236}">
                <a16:creationId xmlns:a16="http://schemas.microsoft.com/office/drawing/2014/main" id="{0B11859B-7E40-4231-9F47-D747DA2341F8}"/>
              </a:ext>
            </a:extLst>
          </p:cNvPr>
          <p:cNvSpPr/>
          <p:nvPr/>
        </p:nvSpPr>
        <p:spPr>
          <a:xfrm>
            <a:off x="4076551" y="1596022"/>
            <a:ext cx="4038898" cy="4038899"/>
          </a:xfrm>
          <a:prstGeom prst="ellipse">
            <a:avLst/>
          </a:prstGeom>
          <a:solidFill>
            <a:srgbClr val="F5F5F5"/>
          </a:solidFill>
          <a:ln w="76200">
            <a:solidFill>
              <a:srgbClr val="D3D3D3"/>
            </a:solidFill>
            <a:miter lim="400000"/>
          </a:ln>
        </p:spPr>
        <p:txBody>
          <a:bodyPr lIns="38100" tIns="38100" rIns="38100" bIns="38100" anchor="ctr"/>
          <a:lstStyle/>
          <a:p>
            <a:pPr marL="0" marR="0" lvl="0" indent="0" algn="ctr" defTabSz="914400" eaLnBrk="1" fontAlgn="auto" latinLnBrk="0" hangingPunct="1">
              <a:lnSpc>
                <a:spcPct val="100000"/>
              </a:lnSpc>
              <a:spcBef>
                <a:spcPts val="0"/>
              </a:spcBef>
              <a:spcAft>
                <a:spcPts val="0"/>
              </a:spcAft>
              <a:buClrTx/>
              <a:buSzTx/>
              <a:buFontTx/>
              <a:buNone/>
              <a:tabLst/>
              <a:defRPr sz="3000">
                <a:solidFill>
                  <a:srgbClr val="FFFFFF"/>
                </a:solidFill>
              </a:defRPr>
            </a:pPr>
            <a:r>
              <a:rPr kumimoji="0" lang="tr-TR" sz="5400" b="0" i="0" u="none" strike="noStrike" kern="0" cap="all" spc="0" normalizeH="0" baseline="0" noProof="0" dirty="0">
                <a:ln>
                  <a:noFill/>
                </a:ln>
                <a:solidFill>
                  <a:prstClr val="black">
                    <a:lumMod val="50000"/>
                    <a:lumOff val="50000"/>
                  </a:prstClr>
                </a:solidFill>
                <a:effectLst/>
                <a:uLnTx/>
                <a:uFillTx/>
              </a:rPr>
              <a:t>DUA</a:t>
            </a:r>
            <a:endParaRPr kumimoji="0" lang="fr-CA" sz="5400" b="0" i="0" u="none" strike="noStrike" kern="0" cap="all" spc="0" normalizeH="0" baseline="0" noProof="0" dirty="0">
              <a:ln>
                <a:noFill/>
              </a:ln>
              <a:solidFill>
                <a:prstClr val="black">
                  <a:lumMod val="50000"/>
                  <a:lumOff val="50000"/>
                </a:prstClr>
              </a:solidFill>
              <a:effectLst/>
              <a:uLnTx/>
              <a:uFillTx/>
            </a:endParaRPr>
          </a:p>
        </p:txBody>
      </p:sp>
      <p:sp>
        <p:nvSpPr>
          <p:cNvPr id="28" name="Freeform: Shape 24">
            <a:extLst>
              <a:ext uri="{FF2B5EF4-FFF2-40B4-BE49-F238E27FC236}">
                <a16:creationId xmlns:a16="http://schemas.microsoft.com/office/drawing/2014/main" id="{FD35EA85-345F-45E7-8D1B-0B62C3700ABD}"/>
              </a:ext>
            </a:extLst>
          </p:cNvPr>
          <p:cNvSpPr/>
          <p:nvPr/>
        </p:nvSpPr>
        <p:spPr>
          <a:xfrm>
            <a:off x="6129617" y="1808258"/>
            <a:ext cx="1792510" cy="1773596"/>
          </a:xfrm>
          <a:custGeom>
            <a:avLst/>
            <a:gdLst>
              <a:gd name="connsiteX0" fmla="*/ 0 w 1792510"/>
              <a:gd name="connsiteY0" fmla="*/ 0 h 1773596"/>
              <a:gd name="connsiteX1" fmla="*/ 171148 w 1792510"/>
              <a:gd name="connsiteY1" fmla="*/ 8642 h 1773596"/>
              <a:gd name="connsiteX2" fmla="*/ 1784873 w 1792510"/>
              <a:gd name="connsiteY2" fmla="*/ 1622367 h 1773596"/>
              <a:gd name="connsiteX3" fmla="*/ 1792510 w 1792510"/>
              <a:gd name="connsiteY3" fmla="*/ 1773596 h 1773596"/>
              <a:gd name="connsiteX4" fmla="*/ 1212785 w 1792510"/>
              <a:gd name="connsiteY4" fmla="*/ 1773596 h 1773596"/>
              <a:gd name="connsiteX5" fmla="*/ 1208141 w 1792510"/>
              <a:gd name="connsiteY5" fmla="*/ 1681640 h 1773596"/>
              <a:gd name="connsiteX6" fmla="*/ 111874 w 1792510"/>
              <a:gd name="connsiteY6" fmla="*/ 585373 h 1773596"/>
              <a:gd name="connsiteX7" fmla="*/ 0 w 1792510"/>
              <a:gd name="connsiteY7" fmla="*/ 579724 h 1773596"/>
              <a:gd name="connsiteX8" fmla="*/ 0 w 1792510"/>
              <a:gd name="connsiteY8" fmla="*/ 0 h 177359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792510" h="1773596">
                <a:moveTo>
                  <a:pt x="0" y="0"/>
                </a:moveTo>
                <a:lnTo>
                  <a:pt x="171148" y="8642"/>
                </a:lnTo>
                <a:cubicBezTo>
                  <a:pt x="1022019" y="95053"/>
                  <a:pt x="1698462" y="771496"/>
                  <a:pt x="1784873" y="1622367"/>
                </a:cubicBezTo>
                <a:lnTo>
                  <a:pt x="1792510" y="1773596"/>
                </a:lnTo>
                <a:lnTo>
                  <a:pt x="1212785" y="1773596"/>
                </a:lnTo>
                <a:lnTo>
                  <a:pt x="1208141" y="1681640"/>
                </a:lnTo>
                <a:cubicBezTo>
                  <a:pt x="1149439" y="1103610"/>
                  <a:pt x="689905" y="644075"/>
                  <a:pt x="111874" y="585373"/>
                </a:cubicBezTo>
                <a:lnTo>
                  <a:pt x="0" y="579724"/>
                </a:lnTo>
                <a:lnTo>
                  <a:pt x="0" y="0"/>
                </a:lnTo>
                <a:close/>
              </a:path>
            </a:pathLst>
          </a:custGeom>
          <a:solidFill>
            <a:schemeClr val="accent4">
              <a:lumMod val="60000"/>
              <a:lumOff val="40000"/>
            </a:schemeClr>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3000" b="0" i="0" u="none" strike="noStrike" kern="0" cap="none" spc="0" normalizeH="0" baseline="0" noProof="0">
              <a:ln>
                <a:noFill/>
              </a:ln>
              <a:solidFill>
                <a:srgbClr val="FFFFFF"/>
              </a:solidFill>
              <a:effectLst/>
              <a:uLnTx/>
              <a:uFillTx/>
            </a:endParaRPr>
          </a:p>
        </p:txBody>
      </p:sp>
      <p:sp>
        <p:nvSpPr>
          <p:cNvPr id="29" name="Freeform: Shape 23">
            <a:extLst>
              <a:ext uri="{FF2B5EF4-FFF2-40B4-BE49-F238E27FC236}">
                <a16:creationId xmlns:a16="http://schemas.microsoft.com/office/drawing/2014/main" id="{64598074-FF2F-45ED-9DEC-B88412ED631A}"/>
              </a:ext>
            </a:extLst>
          </p:cNvPr>
          <p:cNvSpPr/>
          <p:nvPr/>
        </p:nvSpPr>
        <p:spPr>
          <a:xfrm>
            <a:off x="4309708" y="1810269"/>
            <a:ext cx="1752674" cy="1771585"/>
          </a:xfrm>
          <a:custGeom>
            <a:avLst/>
            <a:gdLst>
              <a:gd name="connsiteX0" fmla="*/ 1752674 w 1752674"/>
              <a:gd name="connsiteY0" fmla="*/ 0 h 1771585"/>
              <a:gd name="connsiteX1" fmla="*/ 1752674 w 1752674"/>
              <a:gd name="connsiteY1" fmla="*/ 579724 h 1771585"/>
              <a:gd name="connsiteX2" fmla="*/ 1680633 w 1752674"/>
              <a:gd name="connsiteY2" fmla="*/ 583362 h 1771585"/>
              <a:gd name="connsiteX3" fmla="*/ 584366 w 1752674"/>
              <a:gd name="connsiteY3" fmla="*/ 1679629 h 1771585"/>
              <a:gd name="connsiteX4" fmla="*/ 579723 w 1752674"/>
              <a:gd name="connsiteY4" fmla="*/ 1771585 h 1771585"/>
              <a:gd name="connsiteX5" fmla="*/ 0 w 1752674"/>
              <a:gd name="connsiteY5" fmla="*/ 1771585 h 1771585"/>
              <a:gd name="connsiteX6" fmla="*/ 7636 w 1752674"/>
              <a:gd name="connsiteY6" fmla="*/ 1620356 h 1771585"/>
              <a:gd name="connsiteX7" fmla="*/ 1621361 w 1752674"/>
              <a:gd name="connsiteY7" fmla="*/ 6631 h 1771585"/>
              <a:gd name="connsiteX8" fmla="*/ 1752674 w 1752674"/>
              <a:gd name="connsiteY8" fmla="*/ 0 h 17715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752674" h="1771585">
                <a:moveTo>
                  <a:pt x="1752674" y="0"/>
                </a:moveTo>
                <a:lnTo>
                  <a:pt x="1752674" y="579724"/>
                </a:lnTo>
                <a:lnTo>
                  <a:pt x="1680633" y="583362"/>
                </a:lnTo>
                <a:cubicBezTo>
                  <a:pt x="1102603" y="642064"/>
                  <a:pt x="643068" y="1101599"/>
                  <a:pt x="584366" y="1679629"/>
                </a:cubicBezTo>
                <a:lnTo>
                  <a:pt x="579723" y="1771585"/>
                </a:lnTo>
                <a:lnTo>
                  <a:pt x="0" y="1771585"/>
                </a:lnTo>
                <a:lnTo>
                  <a:pt x="7636" y="1620356"/>
                </a:lnTo>
                <a:cubicBezTo>
                  <a:pt x="94047" y="769485"/>
                  <a:pt x="770490" y="93042"/>
                  <a:pt x="1621361" y="6631"/>
                </a:cubicBezTo>
                <a:lnTo>
                  <a:pt x="1752674" y="0"/>
                </a:lnTo>
                <a:close/>
              </a:path>
            </a:pathLst>
          </a:custGeom>
          <a:solidFill>
            <a:schemeClr val="accent6">
              <a:lumMod val="60000"/>
              <a:lumOff val="40000"/>
            </a:schemeClr>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3000" b="0" i="0" u="none" strike="noStrike" kern="0" cap="none" spc="0" normalizeH="0" baseline="0" noProof="0">
              <a:ln>
                <a:noFill/>
              </a:ln>
              <a:solidFill>
                <a:srgbClr val="FFFFFF"/>
              </a:solidFill>
              <a:effectLst/>
              <a:uLnTx/>
              <a:uFillTx/>
            </a:endParaRPr>
          </a:p>
        </p:txBody>
      </p:sp>
      <p:sp>
        <p:nvSpPr>
          <p:cNvPr id="30" name="Freeform: Shape 17">
            <a:extLst>
              <a:ext uri="{FF2B5EF4-FFF2-40B4-BE49-F238E27FC236}">
                <a16:creationId xmlns:a16="http://schemas.microsoft.com/office/drawing/2014/main" id="{A288B548-023F-409B-BF43-9660438E338D}"/>
              </a:ext>
            </a:extLst>
          </p:cNvPr>
          <p:cNvSpPr/>
          <p:nvPr/>
        </p:nvSpPr>
        <p:spPr>
          <a:xfrm>
            <a:off x="4309708" y="3649089"/>
            <a:ext cx="1752674" cy="1771588"/>
          </a:xfrm>
          <a:custGeom>
            <a:avLst/>
            <a:gdLst>
              <a:gd name="connsiteX0" fmla="*/ 0 w 1752674"/>
              <a:gd name="connsiteY0" fmla="*/ 0 h 1771588"/>
              <a:gd name="connsiteX1" fmla="*/ 579723 w 1752674"/>
              <a:gd name="connsiteY1" fmla="*/ 0 h 1771588"/>
              <a:gd name="connsiteX2" fmla="*/ 584366 w 1752674"/>
              <a:gd name="connsiteY2" fmla="*/ 91959 h 1771588"/>
              <a:gd name="connsiteX3" fmla="*/ 1680633 w 1752674"/>
              <a:gd name="connsiteY3" fmla="*/ 1188226 h 1771588"/>
              <a:gd name="connsiteX4" fmla="*/ 1752674 w 1752674"/>
              <a:gd name="connsiteY4" fmla="*/ 1191864 h 1771588"/>
              <a:gd name="connsiteX5" fmla="*/ 1752674 w 1752674"/>
              <a:gd name="connsiteY5" fmla="*/ 1771588 h 1771588"/>
              <a:gd name="connsiteX6" fmla="*/ 1621361 w 1752674"/>
              <a:gd name="connsiteY6" fmla="*/ 1764957 h 1771588"/>
              <a:gd name="connsiteX7" fmla="*/ 7636 w 1752674"/>
              <a:gd name="connsiteY7" fmla="*/ 151232 h 1771588"/>
              <a:gd name="connsiteX8" fmla="*/ 0 w 1752674"/>
              <a:gd name="connsiteY8" fmla="*/ 0 h 177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752674" h="1771588">
                <a:moveTo>
                  <a:pt x="0" y="0"/>
                </a:moveTo>
                <a:lnTo>
                  <a:pt x="579723" y="0"/>
                </a:lnTo>
                <a:lnTo>
                  <a:pt x="584366" y="91959"/>
                </a:lnTo>
                <a:cubicBezTo>
                  <a:pt x="643068" y="669990"/>
                  <a:pt x="1102603" y="1129524"/>
                  <a:pt x="1680633" y="1188226"/>
                </a:cubicBezTo>
                <a:lnTo>
                  <a:pt x="1752674" y="1191864"/>
                </a:lnTo>
                <a:lnTo>
                  <a:pt x="1752674" y="1771588"/>
                </a:lnTo>
                <a:lnTo>
                  <a:pt x="1621361" y="1764957"/>
                </a:lnTo>
                <a:cubicBezTo>
                  <a:pt x="770490" y="1678546"/>
                  <a:pt x="94047" y="1002103"/>
                  <a:pt x="7636" y="151232"/>
                </a:cubicBezTo>
                <a:lnTo>
                  <a:pt x="0" y="0"/>
                </a:lnTo>
                <a:close/>
              </a:path>
            </a:pathLst>
          </a:custGeom>
          <a:solidFill>
            <a:srgbClr val="F7931F"/>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3000" b="0" i="0" u="none" strike="noStrike" kern="0" cap="none" spc="0" normalizeH="0" baseline="0" noProof="0">
              <a:ln>
                <a:noFill/>
              </a:ln>
              <a:solidFill>
                <a:srgbClr val="FFFFFF"/>
              </a:solidFill>
              <a:effectLst/>
              <a:uLnTx/>
              <a:uFillTx/>
            </a:endParaRPr>
          </a:p>
        </p:txBody>
      </p:sp>
      <p:sp>
        <p:nvSpPr>
          <p:cNvPr id="31" name="Freeform: Shape 15">
            <a:extLst>
              <a:ext uri="{FF2B5EF4-FFF2-40B4-BE49-F238E27FC236}">
                <a16:creationId xmlns:a16="http://schemas.microsoft.com/office/drawing/2014/main" id="{4A8EC126-2A2D-4A01-95C1-24653D907C42}"/>
              </a:ext>
            </a:extLst>
          </p:cNvPr>
          <p:cNvSpPr/>
          <p:nvPr/>
        </p:nvSpPr>
        <p:spPr>
          <a:xfrm>
            <a:off x="6129617" y="3649089"/>
            <a:ext cx="1792510" cy="1773599"/>
          </a:xfrm>
          <a:custGeom>
            <a:avLst/>
            <a:gdLst>
              <a:gd name="connsiteX0" fmla="*/ 1212785 w 1792510"/>
              <a:gd name="connsiteY0" fmla="*/ 0 h 1773599"/>
              <a:gd name="connsiteX1" fmla="*/ 1792510 w 1792510"/>
              <a:gd name="connsiteY1" fmla="*/ 0 h 1773599"/>
              <a:gd name="connsiteX2" fmla="*/ 1784873 w 1792510"/>
              <a:gd name="connsiteY2" fmla="*/ 151232 h 1773599"/>
              <a:gd name="connsiteX3" fmla="*/ 171148 w 1792510"/>
              <a:gd name="connsiteY3" fmla="*/ 1764957 h 1773599"/>
              <a:gd name="connsiteX4" fmla="*/ 0 w 1792510"/>
              <a:gd name="connsiteY4" fmla="*/ 1773599 h 1773599"/>
              <a:gd name="connsiteX5" fmla="*/ 0 w 1792510"/>
              <a:gd name="connsiteY5" fmla="*/ 1193875 h 1773599"/>
              <a:gd name="connsiteX6" fmla="*/ 111874 w 1792510"/>
              <a:gd name="connsiteY6" fmla="*/ 1188226 h 1773599"/>
              <a:gd name="connsiteX7" fmla="*/ 1208141 w 1792510"/>
              <a:gd name="connsiteY7" fmla="*/ 91959 h 1773599"/>
              <a:gd name="connsiteX8" fmla="*/ 1212785 w 1792510"/>
              <a:gd name="connsiteY8" fmla="*/ 0 h 17735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792510" h="1773599">
                <a:moveTo>
                  <a:pt x="1212785" y="0"/>
                </a:moveTo>
                <a:lnTo>
                  <a:pt x="1792510" y="0"/>
                </a:lnTo>
                <a:lnTo>
                  <a:pt x="1784873" y="151232"/>
                </a:lnTo>
                <a:cubicBezTo>
                  <a:pt x="1698462" y="1002103"/>
                  <a:pt x="1022019" y="1678546"/>
                  <a:pt x="171148" y="1764957"/>
                </a:cubicBezTo>
                <a:lnTo>
                  <a:pt x="0" y="1773599"/>
                </a:lnTo>
                <a:lnTo>
                  <a:pt x="0" y="1193875"/>
                </a:lnTo>
                <a:lnTo>
                  <a:pt x="111874" y="1188226"/>
                </a:lnTo>
                <a:cubicBezTo>
                  <a:pt x="689905" y="1129524"/>
                  <a:pt x="1149439" y="669990"/>
                  <a:pt x="1208141" y="91959"/>
                </a:cubicBezTo>
                <a:lnTo>
                  <a:pt x="1212785" y="0"/>
                </a:lnTo>
                <a:close/>
              </a:path>
            </a:pathLst>
          </a:custGeom>
          <a:solidFill>
            <a:srgbClr val="4CC1EF"/>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3000" b="0" i="0" u="none" strike="noStrike" kern="0" cap="none" spc="0" normalizeH="0" baseline="0" noProof="0">
              <a:ln>
                <a:noFill/>
              </a:ln>
              <a:solidFill>
                <a:srgbClr val="FFFFFF"/>
              </a:solidFill>
              <a:effectLst/>
              <a:uLnTx/>
              <a:uFillTx/>
            </a:endParaRPr>
          </a:p>
        </p:txBody>
      </p:sp>
      <p:sp>
        <p:nvSpPr>
          <p:cNvPr id="32" name="Freeform: Shape 13">
            <a:extLst>
              <a:ext uri="{FF2B5EF4-FFF2-40B4-BE49-F238E27FC236}">
                <a16:creationId xmlns:a16="http://schemas.microsoft.com/office/drawing/2014/main" id="{ACFEFDF3-987E-4198-8A77-0645122E8BF2}"/>
              </a:ext>
            </a:extLst>
          </p:cNvPr>
          <p:cNvSpPr/>
          <p:nvPr/>
        </p:nvSpPr>
        <p:spPr>
          <a:xfrm>
            <a:off x="4309708" y="3135751"/>
            <a:ext cx="599372" cy="444092"/>
          </a:xfrm>
          <a:custGeom>
            <a:avLst/>
            <a:gdLst>
              <a:gd name="connsiteX0" fmla="*/ 306504 w 599372"/>
              <a:gd name="connsiteY0" fmla="*/ 0 h 444092"/>
              <a:gd name="connsiteX1" fmla="*/ 380467 w 599372"/>
              <a:gd name="connsiteY1" fmla="*/ 30543 h 444092"/>
              <a:gd name="connsiteX2" fmla="*/ 599372 w 599372"/>
              <a:gd name="connsiteY2" fmla="*/ 249515 h 444092"/>
              <a:gd name="connsiteX3" fmla="*/ 584366 w 599372"/>
              <a:gd name="connsiteY3" fmla="*/ 352136 h 444092"/>
              <a:gd name="connsiteX4" fmla="*/ 579723 w 599372"/>
              <a:gd name="connsiteY4" fmla="*/ 444092 h 444092"/>
              <a:gd name="connsiteX5" fmla="*/ 0 w 599372"/>
              <a:gd name="connsiteY5" fmla="*/ 444092 h 444092"/>
              <a:gd name="connsiteX6" fmla="*/ 7636 w 599372"/>
              <a:gd name="connsiteY6" fmla="*/ 292863 h 444092"/>
              <a:gd name="connsiteX7" fmla="*/ 13381 w 599372"/>
              <a:gd name="connsiteY7" fmla="*/ 253580 h 444092"/>
              <a:gd name="connsiteX8" fmla="*/ 39688 w 599372"/>
              <a:gd name="connsiteY8" fmla="*/ 226850 h 444092"/>
              <a:gd name="connsiteX9" fmla="*/ 232616 w 599372"/>
              <a:gd name="connsiteY9" fmla="*/ 31253 h 444092"/>
              <a:gd name="connsiteX10" fmla="*/ 306504 w 599372"/>
              <a:gd name="connsiteY10" fmla="*/ 0 h 4440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99372" h="444092">
                <a:moveTo>
                  <a:pt x="306504" y="0"/>
                </a:moveTo>
                <a:cubicBezTo>
                  <a:pt x="333253" y="-89"/>
                  <a:pt x="360014" y="10122"/>
                  <a:pt x="380467" y="30543"/>
                </a:cubicBezTo>
                <a:lnTo>
                  <a:pt x="599372" y="249515"/>
                </a:lnTo>
                <a:lnTo>
                  <a:pt x="584366" y="352136"/>
                </a:lnTo>
                <a:lnTo>
                  <a:pt x="579723" y="444092"/>
                </a:lnTo>
                <a:lnTo>
                  <a:pt x="0" y="444092"/>
                </a:lnTo>
                <a:lnTo>
                  <a:pt x="7636" y="292863"/>
                </a:lnTo>
                <a:lnTo>
                  <a:pt x="13381" y="253580"/>
                </a:lnTo>
                <a:lnTo>
                  <a:pt x="39688" y="226850"/>
                </a:lnTo>
                <a:lnTo>
                  <a:pt x="232616" y="31253"/>
                </a:lnTo>
                <a:cubicBezTo>
                  <a:pt x="253018" y="10477"/>
                  <a:pt x="279755" y="89"/>
                  <a:pt x="306504" y="0"/>
                </a:cubicBezTo>
                <a:close/>
              </a:path>
            </a:pathLst>
          </a:custGeom>
          <a:solidFill>
            <a:sysClr val="windowText" lastClr="000000">
              <a:alpha val="25000"/>
            </a:sysClr>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sz="3000" b="0" i="0" u="none" strike="noStrike" kern="0" cap="none" spc="0" normalizeH="0" baseline="0" noProof="0">
              <a:ln>
                <a:noFill/>
              </a:ln>
              <a:solidFill>
                <a:srgbClr val="FFFFFF"/>
              </a:solidFill>
              <a:effectLst/>
              <a:uLnTx/>
              <a:uFillTx/>
            </a:endParaRPr>
          </a:p>
        </p:txBody>
      </p:sp>
      <p:sp>
        <p:nvSpPr>
          <p:cNvPr id="33" name="Freeform: Shape 16">
            <a:extLst>
              <a:ext uri="{FF2B5EF4-FFF2-40B4-BE49-F238E27FC236}">
                <a16:creationId xmlns:a16="http://schemas.microsoft.com/office/drawing/2014/main" id="{130676C6-CDF7-4960-B8F9-99148985BA08}"/>
              </a:ext>
            </a:extLst>
          </p:cNvPr>
          <p:cNvSpPr/>
          <p:nvPr/>
        </p:nvSpPr>
        <p:spPr>
          <a:xfrm rot="5400000">
            <a:off x="6051473" y="1886401"/>
            <a:ext cx="600380" cy="444094"/>
          </a:xfrm>
          <a:custGeom>
            <a:avLst/>
            <a:gdLst>
              <a:gd name="connsiteX0" fmla="*/ 0 w 600380"/>
              <a:gd name="connsiteY0" fmla="*/ 444094 h 444094"/>
              <a:gd name="connsiteX1" fmla="*/ 8285 w 600380"/>
              <a:gd name="connsiteY1" fmla="*/ 280016 h 444094"/>
              <a:gd name="connsiteX2" fmla="*/ 60611 w 600380"/>
              <a:gd name="connsiteY2" fmla="*/ 226850 h 444094"/>
              <a:gd name="connsiteX3" fmla="*/ 253539 w 600380"/>
              <a:gd name="connsiteY3" fmla="*/ 31253 h 444094"/>
              <a:gd name="connsiteX4" fmla="*/ 327427 w 600380"/>
              <a:gd name="connsiteY4" fmla="*/ 0 h 444094"/>
              <a:gd name="connsiteX5" fmla="*/ 401390 w 600380"/>
              <a:gd name="connsiteY5" fmla="*/ 30543 h 444094"/>
              <a:gd name="connsiteX6" fmla="*/ 600380 w 600380"/>
              <a:gd name="connsiteY6" fmla="*/ 229594 h 444094"/>
              <a:gd name="connsiteX7" fmla="*/ 585373 w 600380"/>
              <a:gd name="connsiteY7" fmla="*/ 332220 h 444094"/>
              <a:gd name="connsiteX8" fmla="*/ 579724 w 600380"/>
              <a:gd name="connsiteY8" fmla="*/ 444094 h 44409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00380" h="444094">
                <a:moveTo>
                  <a:pt x="0" y="444094"/>
                </a:moveTo>
                <a:lnTo>
                  <a:pt x="8285" y="280016"/>
                </a:lnTo>
                <a:lnTo>
                  <a:pt x="60611" y="226850"/>
                </a:lnTo>
                <a:lnTo>
                  <a:pt x="253539" y="31253"/>
                </a:lnTo>
                <a:cubicBezTo>
                  <a:pt x="273941" y="10477"/>
                  <a:pt x="300678" y="89"/>
                  <a:pt x="327427" y="0"/>
                </a:cubicBezTo>
                <a:cubicBezTo>
                  <a:pt x="354176" y="-89"/>
                  <a:pt x="380937" y="10122"/>
                  <a:pt x="401390" y="30543"/>
                </a:cubicBezTo>
                <a:lnTo>
                  <a:pt x="600380" y="229594"/>
                </a:lnTo>
                <a:lnTo>
                  <a:pt x="585373" y="332220"/>
                </a:lnTo>
                <a:lnTo>
                  <a:pt x="579724" y="444094"/>
                </a:lnTo>
                <a:close/>
              </a:path>
            </a:pathLst>
          </a:custGeom>
          <a:solidFill>
            <a:sysClr val="windowText" lastClr="000000">
              <a:alpha val="25000"/>
            </a:sysClr>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sz="3000" b="0" i="0" u="none" strike="noStrike" kern="0" cap="none" spc="0" normalizeH="0" baseline="0" noProof="0">
              <a:ln>
                <a:noFill/>
              </a:ln>
              <a:solidFill>
                <a:srgbClr val="FFFFFF"/>
              </a:solidFill>
              <a:effectLst/>
              <a:uLnTx/>
              <a:uFillTx/>
            </a:endParaRPr>
          </a:p>
        </p:txBody>
      </p:sp>
      <p:sp>
        <p:nvSpPr>
          <p:cNvPr id="34" name="Freeform: Shape 18">
            <a:extLst>
              <a:ext uri="{FF2B5EF4-FFF2-40B4-BE49-F238E27FC236}">
                <a16:creationId xmlns:a16="http://schemas.microsoft.com/office/drawing/2014/main" id="{AFBD981D-F83F-4FF8-8016-30AEDD3D66C4}"/>
              </a:ext>
            </a:extLst>
          </p:cNvPr>
          <p:cNvSpPr/>
          <p:nvPr/>
        </p:nvSpPr>
        <p:spPr>
          <a:xfrm rot="16200000">
            <a:off x="5537491" y="4895785"/>
            <a:ext cx="605691" cy="444092"/>
          </a:xfrm>
          <a:custGeom>
            <a:avLst/>
            <a:gdLst>
              <a:gd name="connsiteX0" fmla="*/ 605691 w 605691"/>
              <a:gd name="connsiteY0" fmla="*/ 236919 h 444092"/>
              <a:gd name="connsiteX1" fmla="*/ 598997 w 605691"/>
              <a:gd name="connsiteY1" fmla="*/ 265128 h 444092"/>
              <a:gd name="connsiteX2" fmla="*/ 583362 w 605691"/>
              <a:gd name="connsiteY2" fmla="*/ 372051 h 444092"/>
              <a:gd name="connsiteX3" fmla="*/ 579724 w 605691"/>
              <a:gd name="connsiteY3" fmla="*/ 444092 h 444092"/>
              <a:gd name="connsiteX4" fmla="*/ 0 w 605691"/>
              <a:gd name="connsiteY4" fmla="*/ 444092 h 444092"/>
              <a:gd name="connsiteX5" fmla="*/ 6631 w 605691"/>
              <a:gd name="connsiteY5" fmla="*/ 312779 h 444092"/>
              <a:gd name="connsiteX6" fmla="*/ 12320 w 605691"/>
              <a:gd name="connsiteY6" fmla="*/ 273873 h 444092"/>
              <a:gd name="connsiteX7" fmla="*/ 58600 w 605691"/>
              <a:gd name="connsiteY7" fmla="*/ 226850 h 444092"/>
              <a:gd name="connsiteX8" fmla="*/ 251528 w 605691"/>
              <a:gd name="connsiteY8" fmla="*/ 31253 h 444092"/>
              <a:gd name="connsiteX9" fmla="*/ 325416 w 605691"/>
              <a:gd name="connsiteY9" fmla="*/ 0 h 444092"/>
              <a:gd name="connsiteX10" fmla="*/ 399379 w 605691"/>
              <a:gd name="connsiteY10" fmla="*/ 30543 h 4440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605691" h="444092">
                <a:moveTo>
                  <a:pt x="605691" y="236919"/>
                </a:moveTo>
                <a:lnTo>
                  <a:pt x="598997" y="265128"/>
                </a:lnTo>
                <a:cubicBezTo>
                  <a:pt x="592266" y="300260"/>
                  <a:pt x="587031" y="335924"/>
                  <a:pt x="583362" y="372051"/>
                </a:cubicBezTo>
                <a:lnTo>
                  <a:pt x="579724" y="444092"/>
                </a:lnTo>
                <a:lnTo>
                  <a:pt x="0" y="444092"/>
                </a:lnTo>
                <a:lnTo>
                  <a:pt x="6631" y="312779"/>
                </a:lnTo>
                <a:lnTo>
                  <a:pt x="12320" y="273873"/>
                </a:lnTo>
                <a:lnTo>
                  <a:pt x="58600" y="226850"/>
                </a:lnTo>
                <a:lnTo>
                  <a:pt x="251528" y="31253"/>
                </a:lnTo>
                <a:cubicBezTo>
                  <a:pt x="271930" y="10477"/>
                  <a:pt x="298667" y="89"/>
                  <a:pt x="325416" y="0"/>
                </a:cubicBezTo>
                <a:cubicBezTo>
                  <a:pt x="352165" y="-89"/>
                  <a:pt x="378926" y="10122"/>
                  <a:pt x="399379" y="30543"/>
                </a:cubicBezTo>
                <a:close/>
              </a:path>
            </a:pathLst>
          </a:custGeom>
          <a:solidFill>
            <a:sysClr val="windowText" lastClr="000000">
              <a:alpha val="25000"/>
            </a:sysClr>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sz="3000" b="0" i="0" u="none" strike="noStrike" kern="0" cap="none" spc="0" normalizeH="0" baseline="0" noProof="0">
              <a:ln>
                <a:noFill/>
              </a:ln>
              <a:solidFill>
                <a:srgbClr val="FFFFFF"/>
              </a:solidFill>
              <a:effectLst/>
              <a:uLnTx/>
              <a:uFillTx/>
            </a:endParaRPr>
          </a:p>
        </p:txBody>
      </p:sp>
      <p:sp>
        <p:nvSpPr>
          <p:cNvPr id="35" name="Freeform: Shape 3">
            <a:extLst>
              <a:ext uri="{FF2B5EF4-FFF2-40B4-BE49-F238E27FC236}">
                <a16:creationId xmlns:a16="http://schemas.microsoft.com/office/drawing/2014/main" id="{F58523B0-4D2E-49A8-8506-600441F5B447}"/>
              </a:ext>
            </a:extLst>
          </p:cNvPr>
          <p:cNvSpPr/>
          <p:nvPr/>
        </p:nvSpPr>
        <p:spPr>
          <a:xfrm>
            <a:off x="4021415" y="3262162"/>
            <a:ext cx="1196875" cy="706621"/>
          </a:xfrm>
          <a:custGeom>
            <a:avLst/>
            <a:gdLst>
              <a:gd name="connsiteX0" fmla="*/ 594797 w 1196875"/>
              <a:gd name="connsiteY0" fmla="*/ 0 h 832068"/>
              <a:gd name="connsiteX1" fmla="*/ 668760 w 1196875"/>
              <a:gd name="connsiteY1" fmla="*/ 30543 h 832068"/>
              <a:gd name="connsiteX2" fmla="*/ 902493 w 1196875"/>
              <a:gd name="connsiteY2" fmla="*/ 264348 h 832068"/>
              <a:gd name="connsiteX3" fmla="*/ 1166243 w 1196875"/>
              <a:gd name="connsiteY3" fmla="*/ 528151 h 832068"/>
              <a:gd name="connsiteX4" fmla="*/ 1092674 w 1196875"/>
              <a:gd name="connsiteY4" fmla="*/ 706013 h 832068"/>
              <a:gd name="connsiteX5" fmla="*/ 948893 w 1196875"/>
              <a:gd name="connsiteY5" fmla="*/ 706013 h 832068"/>
              <a:gd name="connsiteX6" fmla="*/ 996423 w 1196875"/>
              <a:gd name="connsiteY6" fmla="*/ 832068 h 832068"/>
              <a:gd name="connsiteX7" fmla="*/ 387577 w 1196875"/>
              <a:gd name="connsiteY7" fmla="*/ 832068 h 832068"/>
              <a:gd name="connsiteX8" fmla="*/ 357286 w 1196875"/>
              <a:gd name="connsiteY8" fmla="*/ 706621 h 832068"/>
              <a:gd name="connsiteX9" fmla="*/ 104423 w 1196875"/>
              <a:gd name="connsiteY9" fmla="*/ 706621 h 832068"/>
              <a:gd name="connsiteX10" fmla="*/ 30142 w 1196875"/>
              <a:gd name="connsiteY10" fmla="*/ 529469 h 832068"/>
              <a:gd name="connsiteX11" fmla="*/ 327981 w 1196875"/>
              <a:gd name="connsiteY11" fmla="*/ 226850 h 832068"/>
              <a:gd name="connsiteX12" fmla="*/ 520909 w 1196875"/>
              <a:gd name="connsiteY12" fmla="*/ 31253 h 832068"/>
              <a:gd name="connsiteX13" fmla="*/ 594797 w 1196875"/>
              <a:gd name="connsiteY13" fmla="*/ 0 h 832068"/>
              <a:gd name="connsiteX0" fmla="*/ 594797 w 1196875"/>
              <a:gd name="connsiteY0" fmla="*/ 0 h 832068"/>
              <a:gd name="connsiteX1" fmla="*/ 668760 w 1196875"/>
              <a:gd name="connsiteY1" fmla="*/ 30543 h 832068"/>
              <a:gd name="connsiteX2" fmla="*/ 902493 w 1196875"/>
              <a:gd name="connsiteY2" fmla="*/ 264348 h 832068"/>
              <a:gd name="connsiteX3" fmla="*/ 1166243 w 1196875"/>
              <a:gd name="connsiteY3" fmla="*/ 528151 h 832068"/>
              <a:gd name="connsiteX4" fmla="*/ 1092674 w 1196875"/>
              <a:gd name="connsiteY4" fmla="*/ 706013 h 832068"/>
              <a:gd name="connsiteX5" fmla="*/ 948893 w 1196875"/>
              <a:gd name="connsiteY5" fmla="*/ 706013 h 832068"/>
              <a:gd name="connsiteX6" fmla="*/ 996423 w 1196875"/>
              <a:gd name="connsiteY6" fmla="*/ 832068 h 832068"/>
              <a:gd name="connsiteX7" fmla="*/ 357286 w 1196875"/>
              <a:gd name="connsiteY7" fmla="*/ 706621 h 832068"/>
              <a:gd name="connsiteX8" fmla="*/ 104423 w 1196875"/>
              <a:gd name="connsiteY8" fmla="*/ 706621 h 832068"/>
              <a:gd name="connsiteX9" fmla="*/ 30142 w 1196875"/>
              <a:gd name="connsiteY9" fmla="*/ 529469 h 832068"/>
              <a:gd name="connsiteX10" fmla="*/ 327981 w 1196875"/>
              <a:gd name="connsiteY10" fmla="*/ 226850 h 832068"/>
              <a:gd name="connsiteX11" fmla="*/ 520909 w 1196875"/>
              <a:gd name="connsiteY11" fmla="*/ 31253 h 832068"/>
              <a:gd name="connsiteX12" fmla="*/ 594797 w 1196875"/>
              <a:gd name="connsiteY12" fmla="*/ 0 h 832068"/>
              <a:gd name="connsiteX0" fmla="*/ 594797 w 1196875"/>
              <a:gd name="connsiteY0" fmla="*/ 0 h 706621"/>
              <a:gd name="connsiteX1" fmla="*/ 668760 w 1196875"/>
              <a:gd name="connsiteY1" fmla="*/ 30543 h 706621"/>
              <a:gd name="connsiteX2" fmla="*/ 902493 w 1196875"/>
              <a:gd name="connsiteY2" fmla="*/ 264348 h 706621"/>
              <a:gd name="connsiteX3" fmla="*/ 1166243 w 1196875"/>
              <a:gd name="connsiteY3" fmla="*/ 528151 h 706621"/>
              <a:gd name="connsiteX4" fmla="*/ 1092674 w 1196875"/>
              <a:gd name="connsiteY4" fmla="*/ 706013 h 706621"/>
              <a:gd name="connsiteX5" fmla="*/ 948893 w 1196875"/>
              <a:gd name="connsiteY5" fmla="*/ 706013 h 706621"/>
              <a:gd name="connsiteX6" fmla="*/ 357286 w 1196875"/>
              <a:gd name="connsiteY6" fmla="*/ 706621 h 706621"/>
              <a:gd name="connsiteX7" fmla="*/ 104423 w 1196875"/>
              <a:gd name="connsiteY7" fmla="*/ 706621 h 706621"/>
              <a:gd name="connsiteX8" fmla="*/ 30142 w 1196875"/>
              <a:gd name="connsiteY8" fmla="*/ 529469 h 706621"/>
              <a:gd name="connsiteX9" fmla="*/ 327981 w 1196875"/>
              <a:gd name="connsiteY9" fmla="*/ 226850 h 706621"/>
              <a:gd name="connsiteX10" fmla="*/ 520909 w 1196875"/>
              <a:gd name="connsiteY10" fmla="*/ 31253 h 706621"/>
              <a:gd name="connsiteX11" fmla="*/ 594797 w 1196875"/>
              <a:gd name="connsiteY11" fmla="*/ 0 h 7066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196875" h="706621">
                <a:moveTo>
                  <a:pt x="594797" y="0"/>
                </a:moveTo>
                <a:cubicBezTo>
                  <a:pt x="621546" y="-89"/>
                  <a:pt x="648307" y="10122"/>
                  <a:pt x="668760" y="30543"/>
                </a:cubicBezTo>
                <a:lnTo>
                  <a:pt x="902493" y="264348"/>
                </a:lnTo>
                <a:lnTo>
                  <a:pt x="1166243" y="528151"/>
                </a:lnTo>
                <a:cubicBezTo>
                  <a:pt x="1231672" y="593519"/>
                  <a:pt x="1185373" y="706013"/>
                  <a:pt x="1092674" y="706013"/>
                </a:cubicBezTo>
                <a:lnTo>
                  <a:pt x="948893" y="706013"/>
                </a:lnTo>
                <a:lnTo>
                  <a:pt x="357286" y="706621"/>
                </a:lnTo>
                <a:lnTo>
                  <a:pt x="104423" y="706621"/>
                </a:lnTo>
                <a:cubicBezTo>
                  <a:pt x="11724" y="706621"/>
                  <a:pt x="-34575" y="595546"/>
                  <a:pt x="30142" y="529469"/>
                </a:cubicBezTo>
                <a:lnTo>
                  <a:pt x="327981" y="226850"/>
                </a:lnTo>
                <a:lnTo>
                  <a:pt x="520909" y="31253"/>
                </a:lnTo>
                <a:cubicBezTo>
                  <a:pt x="541311" y="10477"/>
                  <a:pt x="568048" y="89"/>
                  <a:pt x="594797" y="0"/>
                </a:cubicBezTo>
                <a:close/>
              </a:path>
            </a:pathLst>
          </a:custGeom>
          <a:solidFill>
            <a:srgbClr val="F7931F"/>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sz="3000" b="0" i="0" u="none" strike="noStrike" kern="0" cap="none" spc="0" normalizeH="0" baseline="0" noProof="0">
              <a:ln>
                <a:noFill/>
              </a:ln>
              <a:solidFill>
                <a:srgbClr val="FFFFFF"/>
              </a:solidFill>
              <a:effectLst/>
              <a:uLnTx/>
              <a:uFillTx/>
            </a:endParaRPr>
          </a:p>
        </p:txBody>
      </p:sp>
      <p:sp>
        <p:nvSpPr>
          <p:cNvPr id="36" name="Freeform: Shape 11">
            <a:extLst>
              <a:ext uri="{FF2B5EF4-FFF2-40B4-BE49-F238E27FC236}">
                <a16:creationId xmlns:a16="http://schemas.microsoft.com/office/drawing/2014/main" id="{3F184F14-94F2-46C3-A45C-87E10FD1C5F8}"/>
              </a:ext>
            </a:extLst>
          </p:cNvPr>
          <p:cNvSpPr/>
          <p:nvPr/>
        </p:nvSpPr>
        <p:spPr>
          <a:xfrm rot="5400000">
            <a:off x="5497563" y="1786015"/>
            <a:ext cx="1196875" cy="706621"/>
          </a:xfrm>
          <a:custGeom>
            <a:avLst/>
            <a:gdLst>
              <a:gd name="connsiteX0" fmla="*/ 594797 w 1196875"/>
              <a:gd name="connsiteY0" fmla="*/ 0 h 832068"/>
              <a:gd name="connsiteX1" fmla="*/ 668760 w 1196875"/>
              <a:gd name="connsiteY1" fmla="*/ 30543 h 832068"/>
              <a:gd name="connsiteX2" fmla="*/ 902493 w 1196875"/>
              <a:gd name="connsiteY2" fmla="*/ 264348 h 832068"/>
              <a:gd name="connsiteX3" fmla="*/ 1166243 w 1196875"/>
              <a:gd name="connsiteY3" fmla="*/ 528151 h 832068"/>
              <a:gd name="connsiteX4" fmla="*/ 1092674 w 1196875"/>
              <a:gd name="connsiteY4" fmla="*/ 706013 h 832068"/>
              <a:gd name="connsiteX5" fmla="*/ 948893 w 1196875"/>
              <a:gd name="connsiteY5" fmla="*/ 706013 h 832068"/>
              <a:gd name="connsiteX6" fmla="*/ 996423 w 1196875"/>
              <a:gd name="connsiteY6" fmla="*/ 832068 h 832068"/>
              <a:gd name="connsiteX7" fmla="*/ 387577 w 1196875"/>
              <a:gd name="connsiteY7" fmla="*/ 832068 h 832068"/>
              <a:gd name="connsiteX8" fmla="*/ 357286 w 1196875"/>
              <a:gd name="connsiteY8" fmla="*/ 706621 h 832068"/>
              <a:gd name="connsiteX9" fmla="*/ 104423 w 1196875"/>
              <a:gd name="connsiteY9" fmla="*/ 706621 h 832068"/>
              <a:gd name="connsiteX10" fmla="*/ 30142 w 1196875"/>
              <a:gd name="connsiteY10" fmla="*/ 529469 h 832068"/>
              <a:gd name="connsiteX11" fmla="*/ 327981 w 1196875"/>
              <a:gd name="connsiteY11" fmla="*/ 226850 h 832068"/>
              <a:gd name="connsiteX12" fmla="*/ 520909 w 1196875"/>
              <a:gd name="connsiteY12" fmla="*/ 31253 h 832068"/>
              <a:gd name="connsiteX13" fmla="*/ 594797 w 1196875"/>
              <a:gd name="connsiteY13" fmla="*/ 0 h 832068"/>
              <a:gd name="connsiteX0" fmla="*/ 594797 w 1196875"/>
              <a:gd name="connsiteY0" fmla="*/ 0 h 832068"/>
              <a:gd name="connsiteX1" fmla="*/ 668760 w 1196875"/>
              <a:gd name="connsiteY1" fmla="*/ 30543 h 832068"/>
              <a:gd name="connsiteX2" fmla="*/ 902493 w 1196875"/>
              <a:gd name="connsiteY2" fmla="*/ 264348 h 832068"/>
              <a:gd name="connsiteX3" fmla="*/ 1166243 w 1196875"/>
              <a:gd name="connsiteY3" fmla="*/ 528151 h 832068"/>
              <a:gd name="connsiteX4" fmla="*/ 1092674 w 1196875"/>
              <a:gd name="connsiteY4" fmla="*/ 706013 h 832068"/>
              <a:gd name="connsiteX5" fmla="*/ 948893 w 1196875"/>
              <a:gd name="connsiteY5" fmla="*/ 706013 h 832068"/>
              <a:gd name="connsiteX6" fmla="*/ 996423 w 1196875"/>
              <a:gd name="connsiteY6" fmla="*/ 832068 h 832068"/>
              <a:gd name="connsiteX7" fmla="*/ 357286 w 1196875"/>
              <a:gd name="connsiteY7" fmla="*/ 706621 h 832068"/>
              <a:gd name="connsiteX8" fmla="*/ 104423 w 1196875"/>
              <a:gd name="connsiteY8" fmla="*/ 706621 h 832068"/>
              <a:gd name="connsiteX9" fmla="*/ 30142 w 1196875"/>
              <a:gd name="connsiteY9" fmla="*/ 529469 h 832068"/>
              <a:gd name="connsiteX10" fmla="*/ 327981 w 1196875"/>
              <a:gd name="connsiteY10" fmla="*/ 226850 h 832068"/>
              <a:gd name="connsiteX11" fmla="*/ 520909 w 1196875"/>
              <a:gd name="connsiteY11" fmla="*/ 31253 h 832068"/>
              <a:gd name="connsiteX12" fmla="*/ 594797 w 1196875"/>
              <a:gd name="connsiteY12" fmla="*/ 0 h 832068"/>
              <a:gd name="connsiteX0" fmla="*/ 594797 w 1196875"/>
              <a:gd name="connsiteY0" fmla="*/ 0 h 706621"/>
              <a:gd name="connsiteX1" fmla="*/ 668760 w 1196875"/>
              <a:gd name="connsiteY1" fmla="*/ 30543 h 706621"/>
              <a:gd name="connsiteX2" fmla="*/ 902493 w 1196875"/>
              <a:gd name="connsiteY2" fmla="*/ 264348 h 706621"/>
              <a:gd name="connsiteX3" fmla="*/ 1166243 w 1196875"/>
              <a:gd name="connsiteY3" fmla="*/ 528151 h 706621"/>
              <a:gd name="connsiteX4" fmla="*/ 1092674 w 1196875"/>
              <a:gd name="connsiteY4" fmla="*/ 706013 h 706621"/>
              <a:gd name="connsiteX5" fmla="*/ 948893 w 1196875"/>
              <a:gd name="connsiteY5" fmla="*/ 706013 h 706621"/>
              <a:gd name="connsiteX6" fmla="*/ 357286 w 1196875"/>
              <a:gd name="connsiteY6" fmla="*/ 706621 h 706621"/>
              <a:gd name="connsiteX7" fmla="*/ 104423 w 1196875"/>
              <a:gd name="connsiteY7" fmla="*/ 706621 h 706621"/>
              <a:gd name="connsiteX8" fmla="*/ 30142 w 1196875"/>
              <a:gd name="connsiteY8" fmla="*/ 529469 h 706621"/>
              <a:gd name="connsiteX9" fmla="*/ 327981 w 1196875"/>
              <a:gd name="connsiteY9" fmla="*/ 226850 h 706621"/>
              <a:gd name="connsiteX10" fmla="*/ 520909 w 1196875"/>
              <a:gd name="connsiteY10" fmla="*/ 31253 h 706621"/>
              <a:gd name="connsiteX11" fmla="*/ 594797 w 1196875"/>
              <a:gd name="connsiteY11" fmla="*/ 0 h 7066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196875" h="706621">
                <a:moveTo>
                  <a:pt x="594797" y="0"/>
                </a:moveTo>
                <a:cubicBezTo>
                  <a:pt x="621546" y="-89"/>
                  <a:pt x="648307" y="10122"/>
                  <a:pt x="668760" y="30543"/>
                </a:cubicBezTo>
                <a:lnTo>
                  <a:pt x="902493" y="264348"/>
                </a:lnTo>
                <a:lnTo>
                  <a:pt x="1166243" y="528151"/>
                </a:lnTo>
                <a:cubicBezTo>
                  <a:pt x="1231672" y="593519"/>
                  <a:pt x="1185373" y="706013"/>
                  <a:pt x="1092674" y="706013"/>
                </a:cubicBezTo>
                <a:lnTo>
                  <a:pt x="948893" y="706013"/>
                </a:lnTo>
                <a:lnTo>
                  <a:pt x="357286" y="706621"/>
                </a:lnTo>
                <a:lnTo>
                  <a:pt x="104423" y="706621"/>
                </a:lnTo>
                <a:cubicBezTo>
                  <a:pt x="11724" y="706621"/>
                  <a:pt x="-34575" y="595546"/>
                  <a:pt x="30142" y="529469"/>
                </a:cubicBezTo>
                <a:lnTo>
                  <a:pt x="327981" y="226850"/>
                </a:lnTo>
                <a:lnTo>
                  <a:pt x="520909" y="31253"/>
                </a:lnTo>
                <a:cubicBezTo>
                  <a:pt x="541311" y="10477"/>
                  <a:pt x="568048" y="89"/>
                  <a:pt x="594797" y="0"/>
                </a:cubicBezTo>
                <a:close/>
              </a:path>
            </a:pathLst>
          </a:custGeom>
          <a:solidFill>
            <a:schemeClr val="accent6">
              <a:lumMod val="60000"/>
              <a:lumOff val="40000"/>
            </a:schemeClr>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sz="3000" b="0" i="0" u="none" strike="noStrike" kern="0" cap="none" spc="0" normalizeH="0" baseline="0" noProof="0">
              <a:ln>
                <a:noFill/>
              </a:ln>
              <a:solidFill>
                <a:srgbClr val="FFFFFF"/>
              </a:solidFill>
              <a:effectLst/>
              <a:uLnTx/>
              <a:uFillTx/>
            </a:endParaRPr>
          </a:p>
        </p:txBody>
      </p:sp>
      <p:sp>
        <p:nvSpPr>
          <p:cNvPr id="37" name="Freeform: Shape 12">
            <a:extLst>
              <a:ext uri="{FF2B5EF4-FFF2-40B4-BE49-F238E27FC236}">
                <a16:creationId xmlns:a16="http://schemas.microsoft.com/office/drawing/2014/main" id="{6FB8819E-FF23-4092-A57F-6991916B5E10}"/>
              </a:ext>
            </a:extLst>
          </p:cNvPr>
          <p:cNvSpPr/>
          <p:nvPr/>
        </p:nvSpPr>
        <p:spPr>
          <a:xfrm rot="16200000">
            <a:off x="5497563" y="4683173"/>
            <a:ext cx="1196875" cy="706621"/>
          </a:xfrm>
          <a:custGeom>
            <a:avLst/>
            <a:gdLst>
              <a:gd name="connsiteX0" fmla="*/ 594797 w 1196875"/>
              <a:gd name="connsiteY0" fmla="*/ 0 h 832068"/>
              <a:gd name="connsiteX1" fmla="*/ 668760 w 1196875"/>
              <a:gd name="connsiteY1" fmla="*/ 30543 h 832068"/>
              <a:gd name="connsiteX2" fmla="*/ 902493 w 1196875"/>
              <a:gd name="connsiteY2" fmla="*/ 264348 h 832068"/>
              <a:gd name="connsiteX3" fmla="*/ 1166243 w 1196875"/>
              <a:gd name="connsiteY3" fmla="*/ 528151 h 832068"/>
              <a:gd name="connsiteX4" fmla="*/ 1092674 w 1196875"/>
              <a:gd name="connsiteY4" fmla="*/ 706013 h 832068"/>
              <a:gd name="connsiteX5" fmla="*/ 948893 w 1196875"/>
              <a:gd name="connsiteY5" fmla="*/ 706013 h 832068"/>
              <a:gd name="connsiteX6" fmla="*/ 996423 w 1196875"/>
              <a:gd name="connsiteY6" fmla="*/ 832068 h 832068"/>
              <a:gd name="connsiteX7" fmla="*/ 387577 w 1196875"/>
              <a:gd name="connsiteY7" fmla="*/ 832068 h 832068"/>
              <a:gd name="connsiteX8" fmla="*/ 357286 w 1196875"/>
              <a:gd name="connsiteY8" fmla="*/ 706621 h 832068"/>
              <a:gd name="connsiteX9" fmla="*/ 104423 w 1196875"/>
              <a:gd name="connsiteY9" fmla="*/ 706621 h 832068"/>
              <a:gd name="connsiteX10" fmla="*/ 30142 w 1196875"/>
              <a:gd name="connsiteY10" fmla="*/ 529469 h 832068"/>
              <a:gd name="connsiteX11" fmla="*/ 327981 w 1196875"/>
              <a:gd name="connsiteY11" fmla="*/ 226850 h 832068"/>
              <a:gd name="connsiteX12" fmla="*/ 520909 w 1196875"/>
              <a:gd name="connsiteY12" fmla="*/ 31253 h 832068"/>
              <a:gd name="connsiteX13" fmla="*/ 594797 w 1196875"/>
              <a:gd name="connsiteY13" fmla="*/ 0 h 832068"/>
              <a:gd name="connsiteX0" fmla="*/ 594797 w 1196875"/>
              <a:gd name="connsiteY0" fmla="*/ 0 h 832068"/>
              <a:gd name="connsiteX1" fmla="*/ 668760 w 1196875"/>
              <a:gd name="connsiteY1" fmla="*/ 30543 h 832068"/>
              <a:gd name="connsiteX2" fmla="*/ 902493 w 1196875"/>
              <a:gd name="connsiteY2" fmla="*/ 264348 h 832068"/>
              <a:gd name="connsiteX3" fmla="*/ 1166243 w 1196875"/>
              <a:gd name="connsiteY3" fmla="*/ 528151 h 832068"/>
              <a:gd name="connsiteX4" fmla="*/ 1092674 w 1196875"/>
              <a:gd name="connsiteY4" fmla="*/ 706013 h 832068"/>
              <a:gd name="connsiteX5" fmla="*/ 948893 w 1196875"/>
              <a:gd name="connsiteY5" fmla="*/ 706013 h 832068"/>
              <a:gd name="connsiteX6" fmla="*/ 996423 w 1196875"/>
              <a:gd name="connsiteY6" fmla="*/ 832068 h 832068"/>
              <a:gd name="connsiteX7" fmla="*/ 357286 w 1196875"/>
              <a:gd name="connsiteY7" fmla="*/ 706621 h 832068"/>
              <a:gd name="connsiteX8" fmla="*/ 104423 w 1196875"/>
              <a:gd name="connsiteY8" fmla="*/ 706621 h 832068"/>
              <a:gd name="connsiteX9" fmla="*/ 30142 w 1196875"/>
              <a:gd name="connsiteY9" fmla="*/ 529469 h 832068"/>
              <a:gd name="connsiteX10" fmla="*/ 327981 w 1196875"/>
              <a:gd name="connsiteY10" fmla="*/ 226850 h 832068"/>
              <a:gd name="connsiteX11" fmla="*/ 520909 w 1196875"/>
              <a:gd name="connsiteY11" fmla="*/ 31253 h 832068"/>
              <a:gd name="connsiteX12" fmla="*/ 594797 w 1196875"/>
              <a:gd name="connsiteY12" fmla="*/ 0 h 832068"/>
              <a:gd name="connsiteX0" fmla="*/ 594797 w 1196875"/>
              <a:gd name="connsiteY0" fmla="*/ 0 h 706621"/>
              <a:gd name="connsiteX1" fmla="*/ 668760 w 1196875"/>
              <a:gd name="connsiteY1" fmla="*/ 30543 h 706621"/>
              <a:gd name="connsiteX2" fmla="*/ 902493 w 1196875"/>
              <a:gd name="connsiteY2" fmla="*/ 264348 h 706621"/>
              <a:gd name="connsiteX3" fmla="*/ 1166243 w 1196875"/>
              <a:gd name="connsiteY3" fmla="*/ 528151 h 706621"/>
              <a:gd name="connsiteX4" fmla="*/ 1092674 w 1196875"/>
              <a:gd name="connsiteY4" fmla="*/ 706013 h 706621"/>
              <a:gd name="connsiteX5" fmla="*/ 948893 w 1196875"/>
              <a:gd name="connsiteY5" fmla="*/ 706013 h 706621"/>
              <a:gd name="connsiteX6" fmla="*/ 357286 w 1196875"/>
              <a:gd name="connsiteY6" fmla="*/ 706621 h 706621"/>
              <a:gd name="connsiteX7" fmla="*/ 104423 w 1196875"/>
              <a:gd name="connsiteY7" fmla="*/ 706621 h 706621"/>
              <a:gd name="connsiteX8" fmla="*/ 30142 w 1196875"/>
              <a:gd name="connsiteY8" fmla="*/ 529469 h 706621"/>
              <a:gd name="connsiteX9" fmla="*/ 327981 w 1196875"/>
              <a:gd name="connsiteY9" fmla="*/ 226850 h 706621"/>
              <a:gd name="connsiteX10" fmla="*/ 520909 w 1196875"/>
              <a:gd name="connsiteY10" fmla="*/ 31253 h 706621"/>
              <a:gd name="connsiteX11" fmla="*/ 594797 w 1196875"/>
              <a:gd name="connsiteY11" fmla="*/ 0 h 7066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196875" h="706621">
                <a:moveTo>
                  <a:pt x="594797" y="0"/>
                </a:moveTo>
                <a:cubicBezTo>
                  <a:pt x="621546" y="-89"/>
                  <a:pt x="648307" y="10122"/>
                  <a:pt x="668760" y="30543"/>
                </a:cubicBezTo>
                <a:lnTo>
                  <a:pt x="902493" y="264348"/>
                </a:lnTo>
                <a:lnTo>
                  <a:pt x="1166243" y="528151"/>
                </a:lnTo>
                <a:cubicBezTo>
                  <a:pt x="1231672" y="593519"/>
                  <a:pt x="1185373" y="706013"/>
                  <a:pt x="1092674" y="706013"/>
                </a:cubicBezTo>
                <a:lnTo>
                  <a:pt x="948893" y="706013"/>
                </a:lnTo>
                <a:lnTo>
                  <a:pt x="357286" y="706621"/>
                </a:lnTo>
                <a:lnTo>
                  <a:pt x="104423" y="706621"/>
                </a:lnTo>
                <a:cubicBezTo>
                  <a:pt x="11724" y="706621"/>
                  <a:pt x="-34575" y="595546"/>
                  <a:pt x="30142" y="529469"/>
                </a:cubicBezTo>
                <a:lnTo>
                  <a:pt x="327981" y="226850"/>
                </a:lnTo>
                <a:lnTo>
                  <a:pt x="520909" y="31253"/>
                </a:lnTo>
                <a:cubicBezTo>
                  <a:pt x="541311" y="10477"/>
                  <a:pt x="568048" y="89"/>
                  <a:pt x="594797" y="0"/>
                </a:cubicBezTo>
                <a:close/>
              </a:path>
            </a:pathLst>
          </a:custGeom>
          <a:solidFill>
            <a:srgbClr val="4CC1EF"/>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sz="3000" b="0" i="0" u="none" strike="noStrike" kern="0" cap="none" spc="0" normalizeH="0" baseline="0" noProof="0">
              <a:ln>
                <a:noFill/>
              </a:ln>
              <a:solidFill>
                <a:srgbClr val="FFFFFF"/>
              </a:solidFill>
              <a:effectLst/>
              <a:uLnTx/>
              <a:uFillTx/>
            </a:endParaRPr>
          </a:p>
        </p:txBody>
      </p:sp>
      <p:sp>
        <p:nvSpPr>
          <p:cNvPr id="38" name="Freeform: Shape 21">
            <a:extLst>
              <a:ext uri="{FF2B5EF4-FFF2-40B4-BE49-F238E27FC236}">
                <a16:creationId xmlns:a16="http://schemas.microsoft.com/office/drawing/2014/main" id="{960D7005-D2E8-43B1-A31E-8E691A6BA057}"/>
              </a:ext>
            </a:extLst>
          </p:cNvPr>
          <p:cNvSpPr/>
          <p:nvPr/>
        </p:nvSpPr>
        <p:spPr>
          <a:xfrm rot="10800000">
            <a:off x="7322826" y="3649088"/>
            <a:ext cx="599301" cy="444094"/>
          </a:xfrm>
          <a:custGeom>
            <a:avLst/>
            <a:gdLst>
              <a:gd name="connsiteX0" fmla="*/ 579725 w 599301"/>
              <a:gd name="connsiteY0" fmla="*/ 444094 h 444094"/>
              <a:gd name="connsiteX1" fmla="*/ 0 w 599301"/>
              <a:gd name="connsiteY1" fmla="*/ 444094 h 444094"/>
              <a:gd name="connsiteX2" fmla="*/ 7637 w 599301"/>
              <a:gd name="connsiteY2" fmla="*/ 292862 h 444094"/>
              <a:gd name="connsiteX3" fmla="*/ 13481 w 599301"/>
              <a:gd name="connsiteY3" fmla="*/ 252894 h 444094"/>
              <a:gd name="connsiteX4" fmla="*/ 39114 w 599301"/>
              <a:gd name="connsiteY4" fmla="*/ 226850 h 444094"/>
              <a:gd name="connsiteX5" fmla="*/ 232042 w 599301"/>
              <a:gd name="connsiteY5" fmla="*/ 31253 h 444094"/>
              <a:gd name="connsiteX6" fmla="*/ 305930 w 599301"/>
              <a:gd name="connsiteY6" fmla="*/ 0 h 444094"/>
              <a:gd name="connsiteX7" fmla="*/ 379893 w 599301"/>
              <a:gd name="connsiteY7" fmla="*/ 30543 h 444094"/>
              <a:gd name="connsiteX8" fmla="*/ 599301 w 599301"/>
              <a:gd name="connsiteY8" fmla="*/ 250019 h 444094"/>
              <a:gd name="connsiteX9" fmla="*/ 584369 w 599301"/>
              <a:gd name="connsiteY9" fmla="*/ 352135 h 44409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599301" h="444094">
                <a:moveTo>
                  <a:pt x="579725" y="444094"/>
                </a:moveTo>
                <a:lnTo>
                  <a:pt x="0" y="444094"/>
                </a:lnTo>
                <a:lnTo>
                  <a:pt x="7637" y="292862"/>
                </a:lnTo>
                <a:lnTo>
                  <a:pt x="13481" y="252894"/>
                </a:lnTo>
                <a:lnTo>
                  <a:pt x="39114" y="226850"/>
                </a:lnTo>
                <a:lnTo>
                  <a:pt x="232042" y="31253"/>
                </a:lnTo>
                <a:cubicBezTo>
                  <a:pt x="252444" y="10477"/>
                  <a:pt x="279181" y="89"/>
                  <a:pt x="305930" y="0"/>
                </a:cubicBezTo>
                <a:cubicBezTo>
                  <a:pt x="332679" y="-89"/>
                  <a:pt x="359440" y="10122"/>
                  <a:pt x="379893" y="30543"/>
                </a:cubicBezTo>
                <a:lnTo>
                  <a:pt x="599301" y="250019"/>
                </a:lnTo>
                <a:lnTo>
                  <a:pt x="584369" y="352135"/>
                </a:lnTo>
                <a:close/>
              </a:path>
            </a:pathLst>
          </a:custGeom>
          <a:solidFill>
            <a:sysClr val="windowText" lastClr="000000">
              <a:alpha val="25000"/>
            </a:sysClr>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sz="3000" b="0" i="0" u="none" strike="noStrike" kern="0" cap="none" spc="0" normalizeH="0" baseline="0" noProof="0">
              <a:ln>
                <a:noFill/>
              </a:ln>
              <a:solidFill>
                <a:srgbClr val="FFFFFF"/>
              </a:solidFill>
              <a:effectLst/>
              <a:uLnTx/>
              <a:uFillTx/>
            </a:endParaRPr>
          </a:p>
        </p:txBody>
      </p:sp>
      <p:sp>
        <p:nvSpPr>
          <p:cNvPr id="39" name="Freeform: Shape 4">
            <a:extLst>
              <a:ext uri="{FF2B5EF4-FFF2-40B4-BE49-F238E27FC236}">
                <a16:creationId xmlns:a16="http://schemas.microsoft.com/office/drawing/2014/main" id="{727AA915-97D0-46A0-8A19-9D476F7F6E38}"/>
              </a:ext>
            </a:extLst>
          </p:cNvPr>
          <p:cNvSpPr/>
          <p:nvPr/>
        </p:nvSpPr>
        <p:spPr>
          <a:xfrm rot="10800000">
            <a:off x="7014119" y="3262162"/>
            <a:ext cx="1196875" cy="706621"/>
          </a:xfrm>
          <a:custGeom>
            <a:avLst/>
            <a:gdLst>
              <a:gd name="connsiteX0" fmla="*/ 594797 w 1196875"/>
              <a:gd name="connsiteY0" fmla="*/ 0 h 832068"/>
              <a:gd name="connsiteX1" fmla="*/ 668760 w 1196875"/>
              <a:gd name="connsiteY1" fmla="*/ 30543 h 832068"/>
              <a:gd name="connsiteX2" fmla="*/ 902493 w 1196875"/>
              <a:gd name="connsiteY2" fmla="*/ 264348 h 832068"/>
              <a:gd name="connsiteX3" fmla="*/ 1166243 w 1196875"/>
              <a:gd name="connsiteY3" fmla="*/ 528151 h 832068"/>
              <a:gd name="connsiteX4" fmla="*/ 1092674 w 1196875"/>
              <a:gd name="connsiteY4" fmla="*/ 706013 h 832068"/>
              <a:gd name="connsiteX5" fmla="*/ 948893 w 1196875"/>
              <a:gd name="connsiteY5" fmla="*/ 706013 h 832068"/>
              <a:gd name="connsiteX6" fmla="*/ 996423 w 1196875"/>
              <a:gd name="connsiteY6" fmla="*/ 832068 h 832068"/>
              <a:gd name="connsiteX7" fmla="*/ 387577 w 1196875"/>
              <a:gd name="connsiteY7" fmla="*/ 832068 h 832068"/>
              <a:gd name="connsiteX8" fmla="*/ 357286 w 1196875"/>
              <a:gd name="connsiteY8" fmla="*/ 706621 h 832068"/>
              <a:gd name="connsiteX9" fmla="*/ 104423 w 1196875"/>
              <a:gd name="connsiteY9" fmla="*/ 706621 h 832068"/>
              <a:gd name="connsiteX10" fmla="*/ 30142 w 1196875"/>
              <a:gd name="connsiteY10" fmla="*/ 529469 h 832068"/>
              <a:gd name="connsiteX11" fmla="*/ 327981 w 1196875"/>
              <a:gd name="connsiteY11" fmla="*/ 226850 h 832068"/>
              <a:gd name="connsiteX12" fmla="*/ 520909 w 1196875"/>
              <a:gd name="connsiteY12" fmla="*/ 31253 h 832068"/>
              <a:gd name="connsiteX13" fmla="*/ 594797 w 1196875"/>
              <a:gd name="connsiteY13" fmla="*/ 0 h 832068"/>
              <a:gd name="connsiteX0" fmla="*/ 594797 w 1196875"/>
              <a:gd name="connsiteY0" fmla="*/ 0 h 832068"/>
              <a:gd name="connsiteX1" fmla="*/ 668760 w 1196875"/>
              <a:gd name="connsiteY1" fmla="*/ 30543 h 832068"/>
              <a:gd name="connsiteX2" fmla="*/ 902493 w 1196875"/>
              <a:gd name="connsiteY2" fmla="*/ 264348 h 832068"/>
              <a:gd name="connsiteX3" fmla="*/ 1166243 w 1196875"/>
              <a:gd name="connsiteY3" fmla="*/ 528151 h 832068"/>
              <a:gd name="connsiteX4" fmla="*/ 1092674 w 1196875"/>
              <a:gd name="connsiteY4" fmla="*/ 706013 h 832068"/>
              <a:gd name="connsiteX5" fmla="*/ 948893 w 1196875"/>
              <a:gd name="connsiteY5" fmla="*/ 706013 h 832068"/>
              <a:gd name="connsiteX6" fmla="*/ 996423 w 1196875"/>
              <a:gd name="connsiteY6" fmla="*/ 832068 h 832068"/>
              <a:gd name="connsiteX7" fmla="*/ 357286 w 1196875"/>
              <a:gd name="connsiteY7" fmla="*/ 706621 h 832068"/>
              <a:gd name="connsiteX8" fmla="*/ 104423 w 1196875"/>
              <a:gd name="connsiteY8" fmla="*/ 706621 h 832068"/>
              <a:gd name="connsiteX9" fmla="*/ 30142 w 1196875"/>
              <a:gd name="connsiteY9" fmla="*/ 529469 h 832068"/>
              <a:gd name="connsiteX10" fmla="*/ 327981 w 1196875"/>
              <a:gd name="connsiteY10" fmla="*/ 226850 h 832068"/>
              <a:gd name="connsiteX11" fmla="*/ 520909 w 1196875"/>
              <a:gd name="connsiteY11" fmla="*/ 31253 h 832068"/>
              <a:gd name="connsiteX12" fmla="*/ 594797 w 1196875"/>
              <a:gd name="connsiteY12" fmla="*/ 0 h 832068"/>
              <a:gd name="connsiteX0" fmla="*/ 594797 w 1196875"/>
              <a:gd name="connsiteY0" fmla="*/ 0 h 706621"/>
              <a:gd name="connsiteX1" fmla="*/ 668760 w 1196875"/>
              <a:gd name="connsiteY1" fmla="*/ 30543 h 706621"/>
              <a:gd name="connsiteX2" fmla="*/ 902493 w 1196875"/>
              <a:gd name="connsiteY2" fmla="*/ 264348 h 706621"/>
              <a:gd name="connsiteX3" fmla="*/ 1166243 w 1196875"/>
              <a:gd name="connsiteY3" fmla="*/ 528151 h 706621"/>
              <a:gd name="connsiteX4" fmla="*/ 1092674 w 1196875"/>
              <a:gd name="connsiteY4" fmla="*/ 706013 h 706621"/>
              <a:gd name="connsiteX5" fmla="*/ 948893 w 1196875"/>
              <a:gd name="connsiteY5" fmla="*/ 706013 h 706621"/>
              <a:gd name="connsiteX6" fmla="*/ 357286 w 1196875"/>
              <a:gd name="connsiteY6" fmla="*/ 706621 h 706621"/>
              <a:gd name="connsiteX7" fmla="*/ 104423 w 1196875"/>
              <a:gd name="connsiteY7" fmla="*/ 706621 h 706621"/>
              <a:gd name="connsiteX8" fmla="*/ 30142 w 1196875"/>
              <a:gd name="connsiteY8" fmla="*/ 529469 h 706621"/>
              <a:gd name="connsiteX9" fmla="*/ 327981 w 1196875"/>
              <a:gd name="connsiteY9" fmla="*/ 226850 h 706621"/>
              <a:gd name="connsiteX10" fmla="*/ 520909 w 1196875"/>
              <a:gd name="connsiteY10" fmla="*/ 31253 h 706621"/>
              <a:gd name="connsiteX11" fmla="*/ 594797 w 1196875"/>
              <a:gd name="connsiteY11" fmla="*/ 0 h 7066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196875" h="706621">
                <a:moveTo>
                  <a:pt x="594797" y="0"/>
                </a:moveTo>
                <a:cubicBezTo>
                  <a:pt x="621546" y="-89"/>
                  <a:pt x="648307" y="10122"/>
                  <a:pt x="668760" y="30543"/>
                </a:cubicBezTo>
                <a:lnTo>
                  <a:pt x="902493" y="264348"/>
                </a:lnTo>
                <a:lnTo>
                  <a:pt x="1166243" y="528151"/>
                </a:lnTo>
                <a:cubicBezTo>
                  <a:pt x="1231672" y="593519"/>
                  <a:pt x="1185373" y="706013"/>
                  <a:pt x="1092674" y="706013"/>
                </a:cubicBezTo>
                <a:lnTo>
                  <a:pt x="948893" y="706013"/>
                </a:lnTo>
                <a:lnTo>
                  <a:pt x="357286" y="706621"/>
                </a:lnTo>
                <a:lnTo>
                  <a:pt x="104423" y="706621"/>
                </a:lnTo>
                <a:cubicBezTo>
                  <a:pt x="11724" y="706621"/>
                  <a:pt x="-34575" y="595546"/>
                  <a:pt x="30142" y="529469"/>
                </a:cubicBezTo>
                <a:lnTo>
                  <a:pt x="327981" y="226850"/>
                </a:lnTo>
                <a:lnTo>
                  <a:pt x="520909" y="31253"/>
                </a:lnTo>
                <a:cubicBezTo>
                  <a:pt x="541311" y="10477"/>
                  <a:pt x="568048" y="89"/>
                  <a:pt x="594797" y="0"/>
                </a:cubicBezTo>
                <a:close/>
              </a:path>
            </a:pathLst>
          </a:custGeom>
          <a:solidFill>
            <a:schemeClr val="accent4">
              <a:lumMod val="60000"/>
              <a:lumOff val="40000"/>
            </a:schemeClr>
          </a:solidFill>
          <a:ln w="12700">
            <a:miter lim="400000"/>
          </a:ln>
        </p:spPr>
        <p:txBody>
          <a:bodyPr wrap="square" lIns="38100" tIns="38100" rIns="38100" bIns="38100" anchor="ctr">
            <a:noAutofit/>
          </a:bodyP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sz="3000" b="0" i="0" u="none" strike="noStrike" kern="0" cap="none" spc="0" normalizeH="0" baseline="0" noProof="0">
              <a:ln>
                <a:noFill/>
              </a:ln>
              <a:solidFill>
                <a:srgbClr val="FFFFFF"/>
              </a:solidFill>
              <a:effectLst/>
              <a:uLnTx/>
              <a:uFillTx/>
            </a:endParaRPr>
          </a:p>
        </p:txBody>
      </p:sp>
    </p:spTree>
    <p:custDataLst>
      <p:tags r:id="rId1"/>
    </p:custDataLst>
    <p:extLst>
      <p:ext uri="{BB962C8B-B14F-4D97-AF65-F5344CB8AC3E}">
        <p14:creationId xmlns:p14="http://schemas.microsoft.com/office/powerpoint/2010/main" val="3292101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9"/>
                                        </p:tgtEl>
                                        <p:attrNameLst>
                                          <p:attrName>style.visibility</p:attrName>
                                        </p:attrNameLst>
                                      </p:cBhvr>
                                      <p:to>
                                        <p:strVal val="visible"/>
                                      </p:to>
                                    </p:set>
                                    <p:animEffect transition="in" filter="wipe(down)">
                                      <p:cBhvr>
                                        <p:cTn id="7" dur="500"/>
                                        <p:tgtEl>
                                          <p:spTgt spid="29"/>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36"/>
                                        </p:tgtEl>
                                        <p:attrNameLst>
                                          <p:attrName>style.visibility</p:attrName>
                                        </p:attrNameLst>
                                      </p:cBhvr>
                                      <p:to>
                                        <p:strVal val="visible"/>
                                      </p:to>
                                    </p:set>
                                    <p:animEffect transition="in" filter="wipe(left)">
                                      <p:cBhvr>
                                        <p:cTn id="11" dur="500"/>
                                        <p:tgtEl>
                                          <p:spTgt spid="36"/>
                                        </p:tgtEl>
                                      </p:cBhvr>
                                    </p:animEffect>
                                  </p:childTnLst>
                                </p:cTn>
                              </p:par>
                              <p:par>
                                <p:cTn id="12" presetID="22" presetClass="entr" presetSubtype="8" fill="hold" grpId="0" nodeType="withEffect">
                                  <p:stCondLst>
                                    <p:cond delay="10"/>
                                  </p:stCondLst>
                                  <p:childTnLst>
                                    <p:set>
                                      <p:cBhvr>
                                        <p:cTn id="13" dur="1" fill="hold">
                                          <p:stCondLst>
                                            <p:cond delay="0"/>
                                          </p:stCondLst>
                                        </p:cTn>
                                        <p:tgtEl>
                                          <p:spTgt spid="33"/>
                                        </p:tgtEl>
                                        <p:attrNameLst>
                                          <p:attrName>style.visibility</p:attrName>
                                        </p:attrNameLst>
                                      </p:cBhvr>
                                      <p:to>
                                        <p:strVal val="visible"/>
                                      </p:to>
                                    </p:set>
                                    <p:animEffect transition="in" filter="wipe(left)">
                                      <p:cBhvr>
                                        <p:cTn id="14" dur="500"/>
                                        <p:tgtEl>
                                          <p:spTgt spid="33"/>
                                        </p:tgtEl>
                                      </p:cBhvr>
                                    </p:animEffect>
                                  </p:childTnLst>
                                </p:cTn>
                              </p:par>
                            </p:childTnLst>
                          </p:cTn>
                        </p:par>
                        <p:par>
                          <p:cTn id="15" fill="hold">
                            <p:stCondLst>
                              <p:cond delay="1010"/>
                            </p:stCondLst>
                            <p:childTnLst>
                              <p:par>
                                <p:cTn id="16" presetID="22" presetClass="entr" presetSubtype="2" fill="hold" grpId="0" nodeType="afterEffect">
                                  <p:stCondLst>
                                    <p:cond delay="0"/>
                                  </p:stCondLst>
                                  <p:childTnLst>
                                    <p:set>
                                      <p:cBhvr>
                                        <p:cTn id="17" dur="1" fill="hold">
                                          <p:stCondLst>
                                            <p:cond delay="0"/>
                                          </p:stCondLst>
                                        </p:cTn>
                                        <p:tgtEl>
                                          <p:spTgt spid="25"/>
                                        </p:tgtEl>
                                        <p:attrNameLst>
                                          <p:attrName>style.visibility</p:attrName>
                                        </p:attrNameLst>
                                      </p:cBhvr>
                                      <p:to>
                                        <p:strVal val="visible"/>
                                      </p:to>
                                    </p:set>
                                    <p:animEffect transition="in" filter="wipe(right)">
                                      <p:cBhvr>
                                        <p:cTn id="18" dur="500"/>
                                        <p:tgtEl>
                                          <p:spTgt spid="25"/>
                                        </p:tgtEl>
                                      </p:cBhvr>
                                    </p:animEffect>
                                  </p:childTnLst>
                                </p:cTn>
                              </p:par>
                            </p:childTnLst>
                          </p:cTn>
                        </p:par>
                      </p:childTnLst>
                    </p:cTn>
                  </p:par>
                  <p:par>
                    <p:cTn id="19" fill="hold">
                      <p:stCondLst>
                        <p:cond delay="indefinite"/>
                      </p:stCondLst>
                      <p:childTnLst>
                        <p:par>
                          <p:cTn id="20" fill="hold">
                            <p:stCondLst>
                              <p:cond delay="0"/>
                            </p:stCondLst>
                            <p:childTnLst>
                              <p:par>
                                <p:cTn id="21" presetID="22" presetClass="entr" presetSubtype="1" fill="hold" grpId="0" nodeType="clickEffect">
                                  <p:stCondLst>
                                    <p:cond delay="0"/>
                                  </p:stCondLst>
                                  <p:childTnLst>
                                    <p:set>
                                      <p:cBhvr>
                                        <p:cTn id="22" dur="1" fill="hold">
                                          <p:stCondLst>
                                            <p:cond delay="0"/>
                                          </p:stCondLst>
                                        </p:cTn>
                                        <p:tgtEl>
                                          <p:spTgt spid="28"/>
                                        </p:tgtEl>
                                        <p:attrNameLst>
                                          <p:attrName>style.visibility</p:attrName>
                                        </p:attrNameLst>
                                      </p:cBhvr>
                                      <p:to>
                                        <p:strVal val="visible"/>
                                      </p:to>
                                    </p:set>
                                    <p:animEffect transition="in" filter="wipe(up)">
                                      <p:cBhvr>
                                        <p:cTn id="23" dur="500"/>
                                        <p:tgtEl>
                                          <p:spTgt spid="28"/>
                                        </p:tgtEl>
                                      </p:cBhvr>
                                    </p:animEffect>
                                  </p:childTnLst>
                                </p:cTn>
                              </p:par>
                            </p:childTnLst>
                          </p:cTn>
                        </p:par>
                        <p:par>
                          <p:cTn id="24" fill="hold">
                            <p:stCondLst>
                              <p:cond delay="500"/>
                            </p:stCondLst>
                            <p:childTnLst>
                              <p:par>
                                <p:cTn id="25" presetID="22" presetClass="entr" presetSubtype="1" fill="hold" grpId="0" nodeType="afterEffect">
                                  <p:stCondLst>
                                    <p:cond delay="0"/>
                                  </p:stCondLst>
                                  <p:childTnLst>
                                    <p:set>
                                      <p:cBhvr>
                                        <p:cTn id="26" dur="1" fill="hold">
                                          <p:stCondLst>
                                            <p:cond delay="0"/>
                                          </p:stCondLst>
                                        </p:cTn>
                                        <p:tgtEl>
                                          <p:spTgt spid="39"/>
                                        </p:tgtEl>
                                        <p:attrNameLst>
                                          <p:attrName>style.visibility</p:attrName>
                                        </p:attrNameLst>
                                      </p:cBhvr>
                                      <p:to>
                                        <p:strVal val="visible"/>
                                      </p:to>
                                    </p:set>
                                    <p:animEffect transition="in" filter="wipe(up)">
                                      <p:cBhvr>
                                        <p:cTn id="27" dur="500"/>
                                        <p:tgtEl>
                                          <p:spTgt spid="39"/>
                                        </p:tgtEl>
                                      </p:cBhvr>
                                    </p:animEffect>
                                  </p:childTnLst>
                                </p:cTn>
                              </p:par>
                              <p:par>
                                <p:cTn id="28" presetID="22" presetClass="entr" presetSubtype="1" fill="hold" grpId="0" nodeType="withEffect">
                                  <p:stCondLst>
                                    <p:cond delay="150"/>
                                  </p:stCondLst>
                                  <p:childTnLst>
                                    <p:set>
                                      <p:cBhvr>
                                        <p:cTn id="29" dur="1" fill="hold">
                                          <p:stCondLst>
                                            <p:cond delay="0"/>
                                          </p:stCondLst>
                                        </p:cTn>
                                        <p:tgtEl>
                                          <p:spTgt spid="38"/>
                                        </p:tgtEl>
                                        <p:attrNameLst>
                                          <p:attrName>style.visibility</p:attrName>
                                        </p:attrNameLst>
                                      </p:cBhvr>
                                      <p:to>
                                        <p:strVal val="visible"/>
                                      </p:to>
                                    </p:set>
                                    <p:animEffect transition="in" filter="wipe(up)">
                                      <p:cBhvr>
                                        <p:cTn id="30" dur="500"/>
                                        <p:tgtEl>
                                          <p:spTgt spid="38"/>
                                        </p:tgtEl>
                                      </p:cBhvr>
                                    </p:animEffect>
                                  </p:childTnLst>
                                </p:cTn>
                              </p:par>
                            </p:childTnLst>
                          </p:cTn>
                        </p:par>
                        <p:par>
                          <p:cTn id="31" fill="hold">
                            <p:stCondLst>
                              <p:cond delay="1150"/>
                            </p:stCondLst>
                            <p:childTnLst>
                              <p:par>
                                <p:cTn id="32" presetID="22" presetClass="entr" presetSubtype="8" fill="hold" grpId="0" nodeType="afterEffect">
                                  <p:stCondLst>
                                    <p:cond delay="0"/>
                                  </p:stCondLst>
                                  <p:childTnLst>
                                    <p:set>
                                      <p:cBhvr>
                                        <p:cTn id="33" dur="1" fill="hold">
                                          <p:stCondLst>
                                            <p:cond delay="0"/>
                                          </p:stCondLst>
                                        </p:cTn>
                                        <p:tgtEl>
                                          <p:spTgt spid="23"/>
                                        </p:tgtEl>
                                        <p:attrNameLst>
                                          <p:attrName>style.visibility</p:attrName>
                                        </p:attrNameLst>
                                      </p:cBhvr>
                                      <p:to>
                                        <p:strVal val="visible"/>
                                      </p:to>
                                    </p:set>
                                    <p:animEffect transition="in" filter="wipe(left)">
                                      <p:cBhvr>
                                        <p:cTn id="34" dur="500"/>
                                        <p:tgtEl>
                                          <p:spTgt spid="23"/>
                                        </p:tgtEl>
                                      </p:cBhvr>
                                    </p:animEffect>
                                  </p:childTnLst>
                                </p:cTn>
                              </p:par>
                            </p:childTnLst>
                          </p:cTn>
                        </p:par>
                      </p:childTnLst>
                    </p:cTn>
                  </p:par>
                  <p:par>
                    <p:cTn id="35" fill="hold">
                      <p:stCondLst>
                        <p:cond delay="indefinite"/>
                      </p:stCondLst>
                      <p:childTnLst>
                        <p:par>
                          <p:cTn id="36" fill="hold">
                            <p:stCondLst>
                              <p:cond delay="0"/>
                            </p:stCondLst>
                            <p:childTnLst>
                              <p:par>
                                <p:cTn id="37" presetID="22" presetClass="entr" presetSubtype="1" fill="hold" grpId="0" nodeType="clickEffect">
                                  <p:stCondLst>
                                    <p:cond delay="0"/>
                                  </p:stCondLst>
                                  <p:childTnLst>
                                    <p:set>
                                      <p:cBhvr>
                                        <p:cTn id="38" dur="1" fill="hold">
                                          <p:stCondLst>
                                            <p:cond delay="0"/>
                                          </p:stCondLst>
                                        </p:cTn>
                                        <p:tgtEl>
                                          <p:spTgt spid="31"/>
                                        </p:tgtEl>
                                        <p:attrNameLst>
                                          <p:attrName>style.visibility</p:attrName>
                                        </p:attrNameLst>
                                      </p:cBhvr>
                                      <p:to>
                                        <p:strVal val="visible"/>
                                      </p:to>
                                    </p:set>
                                    <p:animEffect transition="in" filter="wipe(up)">
                                      <p:cBhvr>
                                        <p:cTn id="39" dur="500"/>
                                        <p:tgtEl>
                                          <p:spTgt spid="31"/>
                                        </p:tgtEl>
                                      </p:cBhvr>
                                    </p:animEffect>
                                  </p:childTnLst>
                                </p:cTn>
                              </p:par>
                              <p:par>
                                <p:cTn id="40" presetID="22" presetClass="entr" presetSubtype="1" fill="hold" grpId="0" nodeType="withEffect">
                                  <p:stCondLst>
                                    <p:cond delay="0"/>
                                  </p:stCondLst>
                                  <p:childTnLst>
                                    <p:set>
                                      <p:cBhvr>
                                        <p:cTn id="41" dur="1" fill="hold">
                                          <p:stCondLst>
                                            <p:cond delay="0"/>
                                          </p:stCondLst>
                                        </p:cTn>
                                        <p:tgtEl>
                                          <p:spTgt spid="34"/>
                                        </p:tgtEl>
                                        <p:attrNameLst>
                                          <p:attrName>style.visibility</p:attrName>
                                        </p:attrNameLst>
                                      </p:cBhvr>
                                      <p:to>
                                        <p:strVal val="visible"/>
                                      </p:to>
                                    </p:set>
                                    <p:animEffect transition="in" filter="wipe(up)">
                                      <p:cBhvr>
                                        <p:cTn id="42" dur="500"/>
                                        <p:tgtEl>
                                          <p:spTgt spid="34"/>
                                        </p:tgtEl>
                                      </p:cBhvr>
                                    </p:animEffect>
                                  </p:childTnLst>
                                </p:cTn>
                              </p:par>
                              <p:par>
                                <p:cTn id="43" presetID="22" presetClass="entr" presetSubtype="1" fill="hold" grpId="0" nodeType="withEffect">
                                  <p:stCondLst>
                                    <p:cond delay="250"/>
                                  </p:stCondLst>
                                  <p:childTnLst>
                                    <p:set>
                                      <p:cBhvr>
                                        <p:cTn id="44" dur="1" fill="hold">
                                          <p:stCondLst>
                                            <p:cond delay="0"/>
                                          </p:stCondLst>
                                        </p:cTn>
                                        <p:tgtEl>
                                          <p:spTgt spid="37"/>
                                        </p:tgtEl>
                                        <p:attrNameLst>
                                          <p:attrName>style.visibility</p:attrName>
                                        </p:attrNameLst>
                                      </p:cBhvr>
                                      <p:to>
                                        <p:strVal val="visible"/>
                                      </p:to>
                                    </p:set>
                                    <p:animEffect transition="in" filter="wipe(up)">
                                      <p:cBhvr>
                                        <p:cTn id="45" dur="500"/>
                                        <p:tgtEl>
                                          <p:spTgt spid="37"/>
                                        </p:tgtEl>
                                      </p:cBhvr>
                                    </p:animEffect>
                                  </p:childTnLst>
                                </p:cTn>
                              </p:par>
                            </p:childTnLst>
                          </p:cTn>
                        </p:par>
                        <p:par>
                          <p:cTn id="46" fill="hold">
                            <p:stCondLst>
                              <p:cond delay="750"/>
                            </p:stCondLst>
                            <p:childTnLst>
                              <p:par>
                                <p:cTn id="47" presetID="22" presetClass="entr" presetSubtype="8" fill="hold" grpId="0" nodeType="afterEffect">
                                  <p:stCondLst>
                                    <p:cond delay="0"/>
                                  </p:stCondLst>
                                  <p:childTnLst>
                                    <p:set>
                                      <p:cBhvr>
                                        <p:cTn id="48" dur="1" fill="hold">
                                          <p:stCondLst>
                                            <p:cond delay="0"/>
                                          </p:stCondLst>
                                        </p:cTn>
                                        <p:tgtEl>
                                          <p:spTgt spid="24"/>
                                        </p:tgtEl>
                                        <p:attrNameLst>
                                          <p:attrName>style.visibility</p:attrName>
                                        </p:attrNameLst>
                                      </p:cBhvr>
                                      <p:to>
                                        <p:strVal val="visible"/>
                                      </p:to>
                                    </p:set>
                                    <p:animEffect transition="in" filter="wipe(left)">
                                      <p:cBhvr>
                                        <p:cTn id="49" dur="500"/>
                                        <p:tgtEl>
                                          <p:spTgt spid="24"/>
                                        </p:tgtEl>
                                      </p:cBhvr>
                                    </p:animEffect>
                                  </p:childTnLst>
                                </p:cTn>
                              </p:par>
                            </p:childTnLst>
                          </p:cTn>
                        </p:par>
                      </p:childTnLst>
                    </p:cTn>
                  </p:par>
                  <p:par>
                    <p:cTn id="50" fill="hold">
                      <p:stCondLst>
                        <p:cond delay="indefinite"/>
                      </p:stCondLst>
                      <p:childTnLst>
                        <p:par>
                          <p:cTn id="51" fill="hold">
                            <p:stCondLst>
                              <p:cond delay="0"/>
                            </p:stCondLst>
                            <p:childTnLst>
                              <p:par>
                                <p:cTn id="52" presetID="22" presetClass="entr" presetSubtype="4" fill="hold" grpId="0" nodeType="clickEffect">
                                  <p:stCondLst>
                                    <p:cond delay="0"/>
                                  </p:stCondLst>
                                  <p:childTnLst>
                                    <p:set>
                                      <p:cBhvr>
                                        <p:cTn id="53" dur="1" fill="hold">
                                          <p:stCondLst>
                                            <p:cond delay="0"/>
                                          </p:stCondLst>
                                        </p:cTn>
                                        <p:tgtEl>
                                          <p:spTgt spid="30"/>
                                        </p:tgtEl>
                                        <p:attrNameLst>
                                          <p:attrName>style.visibility</p:attrName>
                                        </p:attrNameLst>
                                      </p:cBhvr>
                                      <p:to>
                                        <p:strVal val="visible"/>
                                      </p:to>
                                    </p:set>
                                    <p:animEffect transition="in" filter="wipe(down)">
                                      <p:cBhvr>
                                        <p:cTn id="54" dur="500"/>
                                        <p:tgtEl>
                                          <p:spTgt spid="30"/>
                                        </p:tgtEl>
                                      </p:cBhvr>
                                    </p:animEffect>
                                  </p:childTnLst>
                                </p:cTn>
                              </p:par>
                            </p:childTnLst>
                          </p:cTn>
                        </p:par>
                        <p:par>
                          <p:cTn id="55" fill="hold">
                            <p:stCondLst>
                              <p:cond delay="500"/>
                            </p:stCondLst>
                            <p:childTnLst>
                              <p:par>
                                <p:cTn id="56" presetID="22" presetClass="entr" presetSubtype="4" fill="hold" grpId="0" nodeType="afterEffect">
                                  <p:stCondLst>
                                    <p:cond delay="0"/>
                                  </p:stCondLst>
                                  <p:childTnLst>
                                    <p:set>
                                      <p:cBhvr>
                                        <p:cTn id="57" dur="1" fill="hold">
                                          <p:stCondLst>
                                            <p:cond delay="0"/>
                                          </p:stCondLst>
                                        </p:cTn>
                                        <p:tgtEl>
                                          <p:spTgt spid="32"/>
                                        </p:tgtEl>
                                        <p:attrNameLst>
                                          <p:attrName>style.visibility</p:attrName>
                                        </p:attrNameLst>
                                      </p:cBhvr>
                                      <p:to>
                                        <p:strVal val="visible"/>
                                      </p:to>
                                    </p:set>
                                    <p:animEffect transition="in" filter="wipe(down)">
                                      <p:cBhvr>
                                        <p:cTn id="58" dur="500"/>
                                        <p:tgtEl>
                                          <p:spTgt spid="32"/>
                                        </p:tgtEl>
                                      </p:cBhvr>
                                    </p:animEffect>
                                  </p:childTnLst>
                                </p:cTn>
                              </p:par>
                              <p:par>
                                <p:cTn id="59" presetID="22" presetClass="entr" presetSubtype="4" fill="hold" grpId="0" nodeType="withEffect">
                                  <p:stCondLst>
                                    <p:cond delay="0"/>
                                  </p:stCondLst>
                                  <p:childTnLst>
                                    <p:set>
                                      <p:cBhvr>
                                        <p:cTn id="60" dur="1" fill="hold">
                                          <p:stCondLst>
                                            <p:cond delay="0"/>
                                          </p:stCondLst>
                                        </p:cTn>
                                        <p:tgtEl>
                                          <p:spTgt spid="35"/>
                                        </p:tgtEl>
                                        <p:attrNameLst>
                                          <p:attrName>style.visibility</p:attrName>
                                        </p:attrNameLst>
                                      </p:cBhvr>
                                      <p:to>
                                        <p:strVal val="visible"/>
                                      </p:to>
                                    </p:set>
                                    <p:animEffect transition="in" filter="wipe(down)">
                                      <p:cBhvr>
                                        <p:cTn id="61" dur="500"/>
                                        <p:tgtEl>
                                          <p:spTgt spid="35"/>
                                        </p:tgtEl>
                                      </p:cBhvr>
                                    </p:animEffect>
                                  </p:childTnLst>
                                </p:cTn>
                              </p:par>
                            </p:childTnLst>
                          </p:cTn>
                        </p:par>
                        <p:par>
                          <p:cTn id="62" fill="hold">
                            <p:stCondLst>
                              <p:cond delay="1000"/>
                            </p:stCondLst>
                            <p:childTnLst>
                              <p:par>
                                <p:cTn id="63" presetID="22" presetClass="entr" presetSubtype="2" fill="hold" grpId="0" nodeType="afterEffect">
                                  <p:stCondLst>
                                    <p:cond delay="0"/>
                                  </p:stCondLst>
                                  <p:childTnLst>
                                    <p:set>
                                      <p:cBhvr>
                                        <p:cTn id="64" dur="1" fill="hold">
                                          <p:stCondLst>
                                            <p:cond delay="0"/>
                                          </p:stCondLst>
                                        </p:cTn>
                                        <p:tgtEl>
                                          <p:spTgt spid="26"/>
                                        </p:tgtEl>
                                        <p:attrNameLst>
                                          <p:attrName>style.visibility</p:attrName>
                                        </p:attrNameLst>
                                      </p:cBhvr>
                                      <p:to>
                                        <p:strVal val="visible"/>
                                      </p:to>
                                    </p:set>
                                    <p:animEffect transition="in" filter="wipe(right)">
                                      <p:cBhvr>
                                        <p:cTn id="65" dur="500"/>
                                        <p:tgtEl>
                                          <p:spTgt spid="2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3" grpId="0" animBg="1"/>
      <p:bldP spid="24" grpId="0" animBg="1"/>
      <p:bldP spid="25" grpId="0" animBg="1"/>
      <p:bldP spid="26" grpId="0" animBg="1"/>
      <p:bldP spid="28" grpId="0" animBg="1"/>
      <p:bldP spid="29" grpId="0" animBg="1"/>
      <p:bldP spid="30" grpId="0" animBg="1"/>
      <p:bldP spid="31" grpId="0" animBg="1"/>
      <p:bldP spid="32" grpId="0" animBg="1"/>
      <p:bldP spid="33" grpId="0" animBg="1"/>
      <p:bldP spid="34" grpId="0" animBg="1"/>
      <p:bldP spid="35" grpId="0" animBg="1"/>
      <p:bldP spid="36" grpId="0" animBg="1"/>
      <p:bldP spid="37" grpId="0" animBg="1"/>
      <p:bldP spid="38" grpId="0" animBg="1"/>
      <p:bldP spid="39"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1" name="Grup 20"/>
          <p:cNvGrpSpPr/>
          <p:nvPr/>
        </p:nvGrpSpPr>
        <p:grpSpPr>
          <a:xfrm>
            <a:off x="536050" y="1241259"/>
            <a:ext cx="5293251" cy="786062"/>
            <a:chOff x="946484" y="753981"/>
            <a:chExt cx="5293251" cy="786062"/>
          </a:xfrm>
        </p:grpSpPr>
        <p:sp>
          <p:nvSpPr>
            <p:cNvPr id="13" name="Serbest Form 12"/>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14" name="Dikdörtgen 13"/>
            <p:cNvSpPr/>
            <p:nvPr/>
          </p:nvSpPr>
          <p:spPr>
            <a:xfrm>
              <a:off x="1828801" y="753981"/>
              <a:ext cx="4410934"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tr-TR" sz="3000" dirty="0">
                  <a:solidFill>
                    <a:prstClr val="black"/>
                  </a:solidFill>
                </a:rPr>
                <a:t>Dua yalnızca Allah’a yapılır</a:t>
              </a:r>
              <a:r>
                <a:rPr lang="tr-TR" sz="2800" dirty="0">
                  <a:solidFill>
                    <a:prstClr val="black"/>
                  </a:solidFill>
                </a:rPr>
                <a:t>.</a:t>
              </a:r>
            </a:p>
          </p:txBody>
        </p:sp>
      </p:grpSp>
      <p:sp>
        <p:nvSpPr>
          <p:cNvPr id="20" name="Dikdörtgen 19"/>
          <p:cNvSpPr/>
          <p:nvPr/>
        </p:nvSpPr>
        <p:spPr>
          <a:xfrm>
            <a:off x="324781" y="1050167"/>
            <a:ext cx="1304854" cy="1200329"/>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72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rPr>
              <a:t>✓</a:t>
            </a:r>
          </a:p>
        </p:txBody>
      </p:sp>
      <p:grpSp>
        <p:nvGrpSpPr>
          <p:cNvPr id="22" name="Grup 21"/>
          <p:cNvGrpSpPr/>
          <p:nvPr/>
        </p:nvGrpSpPr>
        <p:grpSpPr>
          <a:xfrm>
            <a:off x="536050" y="2596817"/>
            <a:ext cx="5293251" cy="786062"/>
            <a:chOff x="946484" y="753981"/>
            <a:chExt cx="5293251" cy="786062"/>
          </a:xfrm>
        </p:grpSpPr>
        <p:sp>
          <p:nvSpPr>
            <p:cNvPr id="23" name="Serbest Form 22"/>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24" name="Dikdörtgen 23"/>
            <p:cNvSpPr/>
            <p:nvPr/>
          </p:nvSpPr>
          <p:spPr>
            <a:xfrm>
              <a:off x="1828800" y="753981"/>
              <a:ext cx="4410935"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Duada her şey istenir</a:t>
              </a: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a:t>
              </a:r>
            </a:p>
          </p:txBody>
        </p:sp>
      </p:grpSp>
      <p:sp>
        <p:nvSpPr>
          <p:cNvPr id="25" name="Dikdörtgen 24"/>
          <p:cNvSpPr/>
          <p:nvPr/>
        </p:nvSpPr>
        <p:spPr>
          <a:xfrm>
            <a:off x="602746" y="2457630"/>
            <a:ext cx="748923" cy="1107996"/>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srgbClr val="FF0000"/>
                </a:solidFill>
                <a:effectLst/>
                <a:uLnTx/>
                <a:uFillTx/>
                <a:latin typeface="Open Sans" panose="020B0606030504020204" pitchFamily="34" charset="0"/>
                <a:ea typeface="+mn-ea"/>
                <a:cs typeface="+mn-cs"/>
              </a:rPr>
              <a:t>X</a:t>
            </a:r>
          </a:p>
        </p:txBody>
      </p:sp>
      <p:sp>
        <p:nvSpPr>
          <p:cNvPr id="26" name="Unvan 1"/>
          <p:cNvSpPr>
            <a:spLocks noGrp="1"/>
          </p:cNvSpPr>
          <p:nvPr>
            <p:ph type="title"/>
          </p:nvPr>
        </p:nvSpPr>
        <p:spPr>
          <a:xfrm>
            <a:off x="536050" y="153374"/>
            <a:ext cx="11263679" cy="809295"/>
          </a:xfrm>
          <a:solidFill>
            <a:srgbClr val="C00000"/>
          </a:solidFill>
          <a:ln>
            <a:noFill/>
          </a:ln>
        </p:spPr>
        <p:txBody>
          <a:bodyPr>
            <a:normAutofit/>
          </a:bodyPr>
          <a:lstStyle/>
          <a:p>
            <a:pPr algn="ctr"/>
            <a:r>
              <a:rPr lang="tr-TR" sz="4000" b="1" dirty="0">
                <a:solidFill>
                  <a:schemeClr val="bg1"/>
                </a:solidFill>
              </a:rPr>
              <a:t>Dua ile ilgili doğru olanları işaretleyelim</a:t>
            </a:r>
          </a:p>
        </p:txBody>
      </p:sp>
      <p:grpSp>
        <p:nvGrpSpPr>
          <p:cNvPr id="27" name="Grup 26"/>
          <p:cNvGrpSpPr/>
          <p:nvPr/>
        </p:nvGrpSpPr>
        <p:grpSpPr>
          <a:xfrm>
            <a:off x="602746" y="3833063"/>
            <a:ext cx="5226555" cy="786062"/>
            <a:chOff x="946484" y="753981"/>
            <a:chExt cx="5226555" cy="786062"/>
          </a:xfrm>
        </p:grpSpPr>
        <p:sp>
          <p:nvSpPr>
            <p:cNvPr id="28" name="Serbest Form 27"/>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29" name="Dikdörtgen 28"/>
            <p:cNvSpPr/>
            <p:nvPr/>
          </p:nvSpPr>
          <p:spPr>
            <a:xfrm>
              <a:off x="1828801" y="753981"/>
              <a:ext cx="4344238"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tr-TR" sz="3200" dirty="0">
                  <a:solidFill>
                    <a:prstClr val="black"/>
                  </a:solidFill>
                </a:rPr>
                <a:t>Dua inananların silahıdır.</a:t>
              </a:r>
            </a:p>
          </p:txBody>
        </p:sp>
      </p:grpSp>
      <p:sp>
        <p:nvSpPr>
          <p:cNvPr id="30" name="Dikdörtgen 29"/>
          <p:cNvSpPr/>
          <p:nvPr/>
        </p:nvSpPr>
        <p:spPr>
          <a:xfrm>
            <a:off x="391477" y="3641971"/>
            <a:ext cx="1304854" cy="1200329"/>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72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rPr>
              <a:t>✓</a:t>
            </a:r>
          </a:p>
        </p:txBody>
      </p:sp>
      <p:grpSp>
        <p:nvGrpSpPr>
          <p:cNvPr id="31" name="Grup 30"/>
          <p:cNvGrpSpPr/>
          <p:nvPr/>
        </p:nvGrpSpPr>
        <p:grpSpPr>
          <a:xfrm>
            <a:off x="602746" y="5188621"/>
            <a:ext cx="5226555" cy="786062"/>
            <a:chOff x="946484" y="753981"/>
            <a:chExt cx="5226555" cy="786062"/>
          </a:xfrm>
        </p:grpSpPr>
        <p:sp>
          <p:nvSpPr>
            <p:cNvPr id="32" name="Serbest Form 31"/>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33" name="Dikdörtgen 32"/>
            <p:cNvSpPr/>
            <p:nvPr/>
          </p:nvSpPr>
          <p:spPr>
            <a:xfrm>
              <a:off x="1828800" y="753981"/>
              <a:ext cx="4344239"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Dua sadece sözlerle</a:t>
              </a:r>
              <a:r>
                <a:rPr kumimoji="0" lang="tr-TR" sz="2800" b="0" i="0" u="none" strike="noStrike" kern="1200" cap="none" spc="0" normalizeH="0" noProof="0" dirty="0">
                  <a:ln>
                    <a:noFill/>
                  </a:ln>
                  <a:solidFill>
                    <a:prstClr val="black"/>
                  </a:solidFill>
                  <a:effectLst/>
                  <a:uLnTx/>
                  <a:uFillTx/>
                  <a:latin typeface="Calibri" panose="020F0502020204030204"/>
                  <a:ea typeface="+mn-ea"/>
                  <a:cs typeface="+mn-cs"/>
                </a:rPr>
                <a:t> yapılır</a:t>
              </a:r>
              <a:r>
                <a:rPr kumimoji="0" lang="tr-TR" sz="3600" b="0" i="0" u="none" strike="noStrike" kern="1200" cap="none" spc="0" normalizeH="0" noProof="0" dirty="0">
                  <a:ln>
                    <a:noFill/>
                  </a:ln>
                  <a:solidFill>
                    <a:prstClr val="black"/>
                  </a:solidFill>
                  <a:effectLst/>
                  <a:uLnTx/>
                  <a:uFillTx/>
                  <a:latin typeface="Calibri" panose="020F0502020204030204"/>
                  <a:ea typeface="+mn-ea"/>
                  <a:cs typeface="+mn-cs"/>
                </a:rPr>
                <a:t>.</a:t>
              </a:r>
              <a:endPar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34" name="Dikdörtgen 33"/>
          <p:cNvSpPr/>
          <p:nvPr/>
        </p:nvSpPr>
        <p:spPr>
          <a:xfrm>
            <a:off x="669442" y="5049434"/>
            <a:ext cx="748923" cy="1107996"/>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srgbClr val="FF0000"/>
                </a:solidFill>
                <a:effectLst/>
                <a:uLnTx/>
                <a:uFillTx/>
                <a:latin typeface="Open Sans" panose="020B0606030504020204" pitchFamily="34" charset="0"/>
                <a:ea typeface="+mn-ea"/>
                <a:cs typeface="+mn-cs"/>
              </a:rPr>
              <a:t>X</a:t>
            </a:r>
          </a:p>
        </p:txBody>
      </p:sp>
      <p:grpSp>
        <p:nvGrpSpPr>
          <p:cNvPr id="35" name="Grup 34"/>
          <p:cNvGrpSpPr/>
          <p:nvPr/>
        </p:nvGrpSpPr>
        <p:grpSpPr>
          <a:xfrm>
            <a:off x="6573174" y="1241259"/>
            <a:ext cx="5226555" cy="786062"/>
            <a:chOff x="946484" y="753981"/>
            <a:chExt cx="5226555" cy="786062"/>
          </a:xfrm>
        </p:grpSpPr>
        <p:sp>
          <p:nvSpPr>
            <p:cNvPr id="36" name="Serbest Form 35"/>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37" name="Dikdörtgen 36"/>
            <p:cNvSpPr/>
            <p:nvPr/>
          </p:nvSpPr>
          <p:spPr>
            <a:xfrm>
              <a:off x="1828801" y="753981"/>
              <a:ext cx="4344238"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Dua bir ibadettir.</a:t>
              </a:r>
              <a:endPar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38" name="Dikdörtgen 37"/>
          <p:cNvSpPr/>
          <p:nvPr/>
        </p:nvSpPr>
        <p:spPr>
          <a:xfrm>
            <a:off x="6361905" y="1050167"/>
            <a:ext cx="1304854" cy="1200329"/>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72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rPr>
              <a:t>✓</a:t>
            </a:r>
          </a:p>
        </p:txBody>
      </p:sp>
      <p:grpSp>
        <p:nvGrpSpPr>
          <p:cNvPr id="39" name="Grup 38"/>
          <p:cNvGrpSpPr/>
          <p:nvPr/>
        </p:nvGrpSpPr>
        <p:grpSpPr>
          <a:xfrm>
            <a:off x="6610351" y="3873491"/>
            <a:ext cx="5189379" cy="786062"/>
            <a:chOff x="946484" y="753981"/>
            <a:chExt cx="5189379" cy="786062"/>
          </a:xfrm>
        </p:grpSpPr>
        <p:sp>
          <p:nvSpPr>
            <p:cNvPr id="40" name="Serbest Form 39"/>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41" name="Dikdörtgen 40"/>
            <p:cNvSpPr/>
            <p:nvPr/>
          </p:nvSpPr>
          <p:spPr>
            <a:xfrm>
              <a:off x="1828801" y="753981"/>
              <a:ext cx="4307062"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Evrende yalnızca insan dua eder.</a:t>
              </a:r>
            </a:p>
          </p:txBody>
        </p:sp>
      </p:grpSp>
      <p:sp>
        <p:nvSpPr>
          <p:cNvPr id="42" name="Dikdörtgen 41"/>
          <p:cNvSpPr/>
          <p:nvPr/>
        </p:nvSpPr>
        <p:spPr>
          <a:xfrm>
            <a:off x="6677047" y="3734304"/>
            <a:ext cx="748923" cy="1107996"/>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srgbClr val="FF0000"/>
                </a:solidFill>
                <a:effectLst/>
                <a:uLnTx/>
                <a:uFillTx/>
                <a:latin typeface="Open Sans" panose="020B0606030504020204" pitchFamily="34" charset="0"/>
                <a:ea typeface="+mn-ea"/>
                <a:cs typeface="+mn-cs"/>
              </a:rPr>
              <a:t>X</a:t>
            </a:r>
          </a:p>
        </p:txBody>
      </p:sp>
      <p:grpSp>
        <p:nvGrpSpPr>
          <p:cNvPr id="47" name="Grup 46"/>
          <p:cNvGrpSpPr/>
          <p:nvPr/>
        </p:nvGrpSpPr>
        <p:grpSpPr>
          <a:xfrm>
            <a:off x="6610351" y="5237340"/>
            <a:ext cx="5226555" cy="786062"/>
            <a:chOff x="946484" y="753981"/>
            <a:chExt cx="5226555" cy="786062"/>
          </a:xfrm>
        </p:grpSpPr>
        <p:sp>
          <p:nvSpPr>
            <p:cNvPr id="48" name="Serbest Form 47"/>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49" name="Dikdörtgen 48"/>
            <p:cNvSpPr/>
            <p:nvPr/>
          </p:nvSpPr>
          <p:spPr>
            <a:xfrm>
              <a:off x="1828801" y="753981"/>
              <a:ext cx="4344238"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tr-TR" sz="2800" dirty="0">
                  <a:solidFill>
                    <a:prstClr val="black"/>
                  </a:solidFill>
                </a:rPr>
                <a:t>Ş</a:t>
              </a:r>
              <a:r>
                <a:rPr lang="nn-NO" sz="2800" dirty="0">
                  <a:solidFill>
                    <a:prstClr val="black"/>
                  </a:solidFill>
                </a:rPr>
                <a:t>ükretmek ve hamd etmek</a:t>
              </a:r>
              <a:r>
                <a:rPr lang="tr-TR" sz="2800" dirty="0">
                  <a:solidFill>
                    <a:prstClr val="black"/>
                  </a:solidFill>
                </a:rPr>
                <a:t> de bir duadır.</a:t>
              </a:r>
              <a:endParaRPr lang="nn-NO" sz="2800" dirty="0">
                <a:solidFill>
                  <a:prstClr val="black"/>
                </a:solidFill>
              </a:endParaRPr>
            </a:p>
          </p:txBody>
        </p:sp>
      </p:grpSp>
      <p:sp>
        <p:nvSpPr>
          <p:cNvPr id="50" name="Dikdörtgen 49"/>
          <p:cNvSpPr/>
          <p:nvPr/>
        </p:nvSpPr>
        <p:spPr>
          <a:xfrm>
            <a:off x="6399082" y="5046248"/>
            <a:ext cx="1304854" cy="1200329"/>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72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rPr>
              <a:t>✓</a:t>
            </a:r>
          </a:p>
        </p:txBody>
      </p:sp>
      <p:sp>
        <p:nvSpPr>
          <p:cNvPr id="54" name="Rectangle 6">
            <a:extLst>
              <a:ext uri="{FF2B5EF4-FFF2-40B4-BE49-F238E27FC236}">
                <a16:creationId xmlns:a16="http://schemas.microsoft.com/office/drawing/2014/main" id="{9007CF10-9BCC-4C67-A2C9-6EDAD53EEC34}"/>
              </a:ext>
            </a:extLst>
          </p:cNvPr>
          <p:cNvSpPr/>
          <p:nvPr/>
        </p:nvSpPr>
        <p:spPr>
          <a:xfrm>
            <a:off x="0" y="6439394"/>
            <a:ext cx="12192000" cy="388376"/>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5" name="Komut Düğmesi: Geri veya Önceki 54">
            <a:hlinkClick r:id="" action="ppaction://hlinkshowjump?jump=previousslide" highlightClick="1"/>
          </p:cNvPr>
          <p:cNvSpPr/>
          <p:nvPr/>
        </p:nvSpPr>
        <p:spPr>
          <a:xfrm>
            <a:off x="10619874" y="6439394"/>
            <a:ext cx="437317" cy="388376"/>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6" name="Komut Düğmesi: İleri veya Sonraki 55">
            <a:hlinkClick r:id="" action="ppaction://hlinkshowjump?jump=nextslide" highlightClick="1"/>
          </p:cNvPr>
          <p:cNvSpPr/>
          <p:nvPr/>
        </p:nvSpPr>
        <p:spPr>
          <a:xfrm>
            <a:off x="11743376" y="6439394"/>
            <a:ext cx="412785" cy="3723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7" name="Komut Düğmesi: Giriş 56">
            <a:hlinkClick r:id="" action="ppaction://hlinkshowjump?jump=firstslide" highlightClick="1"/>
          </p:cNvPr>
          <p:cNvSpPr/>
          <p:nvPr/>
        </p:nvSpPr>
        <p:spPr>
          <a:xfrm>
            <a:off x="11137184" y="6439394"/>
            <a:ext cx="526199" cy="372343"/>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nvGrpSpPr>
          <p:cNvPr id="51" name="Grup 50"/>
          <p:cNvGrpSpPr/>
          <p:nvPr/>
        </p:nvGrpSpPr>
        <p:grpSpPr>
          <a:xfrm>
            <a:off x="6573174" y="2489071"/>
            <a:ext cx="5226555" cy="786062"/>
            <a:chOff x="946484" y="753981"/>
            <a:chExt cx="5226555" cy="786062"/>
          </a:xfrm>
        </p:grpSpPr>
        <p:sp>
          <p:nvSpPr>
            <p:cNvPr id="52" name="Serbest Form 51"/>
            <p:cNvSpPr/>
            <p:nvPr/>
          </p:nvSpPr>
          <p:spPr>
            <a:xfrm>
              <a:off x="946484" y="753981"/>
              <a:ext cx="882316" cy="786062"/>
            </a:xfrm>
            <a:custGeom>
              <a:avLst/>
              <a:gdLst>
                <a:gd name="connsiteX0" fmla="*/ 131013 w 721895"/>
                <a:gd name="connsiteY0" fmla="*/ 0 h 786062"/>
                <a:gd name="connsiteX1" fmla="*/ 721895 w 721895"/>
                <a:gd name="connsiteY1" fmla="*/ 0 h 786062"/>
                <a:gd name="connsiteX2" fmla="*/ 721895 w 721895"/>
                <a:gd name="connsiteY2" fmla="*/ 786062 h 786062"/>
                <a:gd name="connsiteX3" fmla="*/ 131013 w 721895"/>
                <a:gd name="connsiteY3" fmla="*/ 786062 h 786062"/>
                <a:gd name="connsiteX4" fmla="*/ 0 w 721895"/>
                <a:gd name="connsiteY4" fmla="*/ 655049 h 786062"/>
                <a:gd name="connsiteX5" fmla="*/ 0 w 721895"/>
                <a:gd name="connsiteY5" fmla="*/ 131013 h 786062"/>
                <a:gd name="connsiteX6" fmla="*/ 131013 w 721895"/>
                <a:gd name="connsiteY6" fmla="*/ 0 h 7860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21895" h="786062">
                  <a:moveTo>
                    <a:pt x="131013" y="0"/>
                  </a:moveTo>
                  <a:lnTo>
                    <a:pt x="721895" y="0"/>
                  </a:lnTo>
                  <a:lnTo>
                    <a:pt x="721895" y="786062"/>
                  </a:lnTo>
                  <a:lnTo>
                    <a:pt x="131013" y="786062"/>
                  </a:lnTo>
                  <a:cubicBezTo>
                    <a:pt x="58657" y="786062"/>
                    <a:pt x="0" y="727405"/>
                    <a:pt x="0" y="655049"/>
                  </a:cubicBezTo>
                  <a:lnTo>
                    <a:pt x="0" y="131013"/>
                  </a:lnTo>
                  <a:cubicBezTo>
                    <a:pt x="0" y="58657"/>
                    <a:pt x="58657" y="0"/>
                    <a:pt x="131013" y="0"/>
                  </a:cubicBezTo>
                  <a:close/>
                </a:path>
              </a:pathLst>
            </a:custGeom>
            <a:solidFill>
              <a:schemeClr val="bg1"/>
            </a:solidFill>
            <a:ln>
              <a:solidFill>
                <a:srgbClr val="2F528F"/>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6600" b="1" i="0" u="none" strike="noStrike" kern="1200" cap="none" spc="0" normalizeH="0" baseline="0" noProof="0" dirty="0">
                <a:ln>
                  <a:noFill/>
                </a:ln>
                <a:solidFill>
                  <a:srgbClr val="00B050"/>
                </a:solidFill>
                <a:effectLst/>
                <a:uLnTx/>
                <a:uFillTx/>
                <a:latin typeface="Rockwell Extra Bold" panose="02060903040505020403" pitchFamily="18" charset="0"/>
                <a:ea typeface="+mn-ea"/>
                <a:cs typeface="+mn-cs"/>
              </a:endParaRPr>
            </a:p>
          </p:txBody>
        </p:sp>
        <p:sp>
          <p:nvSpPr>
            <p:cNvPr id="53" name="Dikdörtgen 52"/>
            <p:cNvSpPr/>
            <p:nvPr/>
          </p:nvSpPr>
          <p:spPr>
            <a:xfrm>
              <a:off x="1828800" y="753981"/>
              <a:ext cx="4344239" cy="786062"/>
            </a:xfrm>
            <a:prstGeom prst="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tr-TR" sz="2800" dirty="0">
                  <a:solidFill>
                    <a:prstClr val="black"/>
                  </a:solidFill>
                </a:rPr>
                <a:t>Dua sadece sıkıntılı ve zor durumlarda yapılır.</a:t>
              </a:r>
            </a:p>
          </p:txBody>
        </p:sp>
      </p:grpSp>
      <p:sp>
        <p:nvSpPr>
          <p:cNvPr id="58" name="Dikdörtgen 57"/>
          <p:cNvSpPr/>
          <p:nvPr/>
        </p:nvSpPr>
        <p:spPr>
          <a:xfrm>
            <a:off x="6639870" y="2349884"/>
            <a:ext cx="748923" cy="1107996"/>
          </a:xfrm>
          <a:prstGeom prst="rect">
            <a:avLst/>
          </a:prstGeom>
        </p:spPr>
        <p:txBody>
          <a:bodyPr wrap="non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1" i="0" u="none" strike="noStrike" kern="1200" cap="none" spc="0" normalizeH="0" baseline="0" noProof="0" dirty="0">
                <a:ln>
                  <a:noFill/>
                </a:ln>
                <a:solidFill>
                  <a:srgbClr val="FF0000"/>
                </a:solidFill>
                <a:effectLst/>
                <a:uLnTx/>
                <a:uFillTx/>
                <a:latin typeface="Open Sans" panose="020B0606030504020204" pitchFamily="34" charset="0"/>
                <a:ea typeface="+mn-ea"/>
                <a:cs typeface="+mn-cs"/>
              </a:rPr>
              <a:t>X</a:t>
            </a:r>
          </a:p>
        </p:txBody>
      </p:sp>
    </p:spTree>
    <p:custDataLst>
      <p:tags r:id="rId1"/>
    </p:custDataLst>
    <p:extLst>
      <p:ext uri="{BB962C8B-B14F-4D97-AF65-F5344CB8AC3E}">
        <p14:creationId xmlns:p14="http://schemas.microsoft.com/office/powerpoint/2010/main" val="25902967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21"/>
                    </p:tgtEl>
                  </p:cond>
                </p:stCondLst>
                <p:endSync evt="end" delay="0">
                  <p:rtn val="all"/>
                </p:endSync>
                <p:childTnLst>
                  <p:par>
                    <p:cTn id="3" fill="hold">
                      <p:stCondLst>
                        <p:cond delay="0"/>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wipe(down)">
                                      <p:cBhvr>
                                        <p:cTn id="7" dur="500"/>
                                        <p:tgtEl>
                                          <p:spTgt spid="20"/>
                                        </p:tgtEl>
                                      </p:cBhvr>
                                    </p:animEffect>
                                  </p:childTnLst>
                                  <p:subTnLst>
                                    <p:audio>
                                      <p:cMediaNode>
                                        <p:cTn display="0" masterRel="sameClick">
                                          <p:stCondLst>
                                            <p:cond evt="begin" delay="0">
                                              <p:tn val="5"/>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21"/>
                  </p:tgtEl>
                </p:cond>
              </p:nextCondLst>
            </p:seq>
            <p:seq concurrent="1" nextAc="seek">
              <p:cTn id="8" restart="whenNotActive" fill="hold" evtFilter="cancelBubble" nodeType="interactiveSeq">
                <p:stCondLst>
                  <p:cond evt="onClick" delay="0">
                    <p:tgtEl>
                      <p:spTgt spid="22"/>
                    </p:tgtEl>
                  </p:cond>
                </p:stCondLst>
                <p:endSync evt="end" delay="0">
                  <p:rtn val="all"/>
                </p:endSync>
                <p:childTnLst>
                  <p:par>
                    <p:cTn id="9" fill="hold">
                      <p:stCondLst>
                        <p:cond delay="0"/>
                      </p:stCondLst>
                      <p:childTnLst>
                        <p:par>
                          <p:cTn id="10" fill="hold">
                            <p:stCondLst>
                              <p:cond delay="0"/>
                            </p:stCondLst>
                            <p:childTnLst>
                              <p:par>
                                <p:cTn id="11" presetID="22" presetClass="entr" presetSubtype="4" fill="hold" grpId="0" nodeType="clickEffect">
                                  <p:stCondLst>
                                    <p:cond delay="0"/>
                                  </p:stCondLst>
                                  <p:childTnLst>
                                    <p:set>
                                      <p:cBhvr>
                                        <p:cTn id="12" dur="1" fill="hold">
                                          <p:stCondLst>
                                            <p:cond delay="0"/>
                                          </p:stCondLst>
                                        </p:cTn>
                                        <p:tgtEl>
                                          <p:spTgt spid="25"/>
                                        </p:tgtEl>
                                        <p:attrNameLst>
                                          <p:attrName>style.visibility</p:attrName>
                                        </p:attrNameLst>
                                      </p:cBhvr>
                                      <p:to>
                                        <p:strVal val="visible"/>
                                      </p:to>
                                    </p:set>
                                    <p:animEffect transition="in" filter="wipe(down)">
                                      <p:cBhvr>
                                        <p:cTn id="13" dur="500"/>
                                        <p:tgtEl>
                                          <p:spTgt spid="25"/>
                                        </p:tgtEl>
                                      </p:cBhvr>
                                    </p:animEffect>
                                  </p:childTnLst>
                                  <p:subTnLst>
                                    <p:audio>
                                      <p:cMediaNode>
                                        <p:cTn display="0" masterRel="sameClick">
                                          <p:stCondLst>
                                            <p:cond evt="begin" delay="0">
                                              <p:tn val="11"/>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22"/>
                  </p:tgtEl>
                </p:cond>
              </p:nextCondLst>
            </p:seq>
            <p:seq concurrent="1" nextAc="seek">
              <p:cTn id="14" restart="whenNotActive" fill="hold" evtFilter="cancelBubble" nodeType="interactiveSeq">
                <p:stCondLst>
                  <p:cond evt="onClick" delay="0">
                    <p:tgtEl>
                      <p:spTgt spid="27"/>
                    </p:tgtEl>
                  </p:cond>
                </p:stCondLst>
                <p:endSync evt="end" delay="0">
                  <p:rtn val="all"/>
                </p:endSync>
                <p:childTnLst>
                  <p:par>
                    <p:cTn id="15" fill="hold">
                      <p:stCondLst>
                        <p:cond delay="0"/>
                      </p:stCondLst>
                      <p:childTnLst>
                        <p:par>
                          <p:cTn id="16" fill="hold">
                            <p:stCondLst>
                              <p:cond delay="0"/>
                            </p:stCondLst>
                            <p:childTnLst>
                              <p:par>
                                <p:cTn id="17" presetID="22" presetClass="entr" presetSubtype="4" fill="hold" grpId="0" nodeType="clickEffect">
                                  <p:stCondLst>
                                    <p:cond delay="0"/>
                                  </p:stCondLst>
                                  <p:childTnLst>
                                    <p:set>
                                      <p:cBhvr>
                                        <p:cTn id="18" dur="1" fill="hold">
                                          <p:stCondLst>
                                            <p:cond delay="0"/>
                                          </p:stCondLst>
                                        </p:cTn>
                                        <p:tgtEl>
                                          <p:spTgt spid="30"/>
                                        </p:tgtEl>
                                        <p:attrNameLst>
                                          <p:attrName>style.visibility</p:attrName>
                                        </p:attrNameLst>
                                      </p:cBhvr>
                                      <p:to>
                                        <p:strVal val="visible"/>
                                      </p:to>
                                    </p:set>
                                    <p:animEffect transition="in" filter="wipe(down)">
                                      <p:cBhvr>
                                        <p:cTn id="19" dur="500"/>
                                        <p:tgtEl>
                                          <p:spTgt spid="30"/>
                                        </p:tgtEl>
                                      </p:cBhvr>
                                    </p:animEffect>
                                  </p:childTnLst>
                                  <p:subTnLst>
                                    <p:audio>
                                      <p:cMediaNode>
                                        <p:cTn display="0" masterRel="sameClick">
                                          <p:stCondLst>
                                            <p:cond evt="begin" delay="0">
                                              <p:tn val="17"/>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27"/>
                  </p:tgtEl>
                </p:cond>
              </p:nextCondLst>
            </p:seq>
            <p:seq concurrent="1" nextAc="seek">
              <p:cTn id="20" restart="whenNotActive" fill="hold" evtFilter="cancelBubble" nodeType="interactiveSeq">
                <p:stCondLst>
                  <p:cond evt="onClick" delay="0">
                    <p:tgtEl>
                      <p:spTgt spid="31"/>
                    </p:tgtEl>
                  </p:cond>
                </p:stCondLst>
                <p:endSync evt="end" delay="0">
                  <p:rtn val="all"/>
                </p:endSync>
                <p:childTnLst>
                  <p:par>
                    <p:cTn id="21" fill="hold">
                      <p:stCondLst>
                        <p:cond delay="0"/>
                      </p:stCondLst>
                      <p:childTnLst>
                        <p:par>
                          <p:cTn id="22" fill="hold">
                            <p:stCondLst>
                              <p:cond delay="0"/>
                            </p:stCondLst>
                            <p:childTnLst>
                              <p:par>
                                <p:cTn id="23" presetID="22" presetClass="entr" presetSubtype="4" fill="hold" grpId="0" nodeType="clickEffect">
                                  <p:stCondLst>
                                    <p:cond delay="0"/>
                                  </p:stCondLst>
                                  <p:childTnLst>
                                    <p:set>
                                      <p:cBhvr>
                                        <p:cTn id="24" dur="1" fill="hold">
                                          <p:stCondLst>
                                            <p:cond delay="0"/>
                                          </p:stCondLst>
                                        </p:cTn>
                                        <p:tgtEl>
                                          <p:spTgt spid="34"/>
                                        </p:tgtEl>
                                        <p:attrNameLst>
                                          <p:attrName>style.visibility</p:attrName>
                                        </p:attrNameLst>
                                      </p:cBhvr>
                                      <p:to>
                                        <p:strVal val="visible"/>
                                      </p:to>
                                    </p:set>
                                    <p:animEffect transition="in" filter="wipe(down)">
                                      <p:cBhvr>
                                        <p:cTn id="25" dur="500"/>
                                        <p:tgtEl>
                                          <p:spTgt spid="34"/>
                                        </p:tgtEl>
                                      </p:cBhvr>
                                    </p:animEffect>
                                  </p:childTnLst>
                                  <p:subTnLst>
                                    <p:audio>
                                      <p:cMediaNode>
                                        <p:cTn display="0" masterRel="sameClick">
                                          <p:stCondLst>
                                            <p:cond evt="begin" delay="0">
                                              <p:tn val="23"/>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31"/>
                  </p:tgtEl>
                </p:cond>
              </p:nextCondLst>
            </p:seq>
            <p:seq concurrent="1" nextAc="seek">
              <p:cTn id="26" restart="whenNotActive" fill="hold" evtFilter="cancelBubble" nodeType="interactiveSeq">
                <p:stCondLst>
                  <p:cond evt="onClick" delay="0">
                    <p:tgtEl>
                      <p:spTgt spid="35"/>
                    </p:tgtEl>
                  </p:cond>
                </p:stCondLst>
                <p:endSync evt="end" delay="0">
                  <p:rtn val="all"/>
                </p:endSync>
                <p:childTnLst>
                  <p:par>
                    <p:cTn id="27" fill="hold">
                      <p:stCondLst>
                        <p:cond delay="0"/>
                      </p:stCondLst>
                      <p:childTnLst>
                        <p:par>
                          <p:cTn id="28" fill="hold">
                            <p:stCondLst>
                              <p:cond delay="0"/>
                            </p:stCondLst>
                            <p:childTnLst>
                              <p:par>
                                <p:cTn id="29" presetID="22" presetClass="entr" presetSubtype="4" fill="hold" grpId="0" nodeType="clickEffect">
                                  <p:stCondLst>
                                    <p:cond delay="0"/>
                                  </p:stCondLst>
                                  <p:childTnLst>
                                    <p:set>
                                      <p:cBhvr>
                                        <p:cTn id="30" dur="1" fill="hold">
                                          <p:stCondLst>
                                            <p:cond delay="0"/>
                                          </p:stCondLst>
                                        </p:cTn>
                                        <p:tgtEl>
                                          <p:spTgt spid="38"/>
                                        </p:tgtEl>
                                        <p:attrNameLst>
                                          <p:attrName>style.visibility</p:attrName>
                                        </p:attrNameLst>
                                      </p:cBhvr>
                                      <p:to>
                                        <p:strVal val="visible"/>
                                      </p:to>
                                    </p:set>
                                    <p:animEffect transition="in" filter="wipe(down)">
                                      <p:cBhvr>
                                        <p:cTn id="31" dur="500"/>
                                        <p:tgtEl>
                                          <p:spTgt spid="38"/>
                                        </p:tgtEl>
                                      </p:cBhvr>
                                    </p:animEffect>
                                  </p:childTnLst>
                                  <p:subTnLst>
                                    <p:audio>
                                      <p:cMediaNode>
                                        <p:cTn display="0" masterRel="sameClick">
                                          <p:stCondLst>
                                            <p:cond evt="begin" delay="0">
                                              <p:tn val="29"/>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35"/>
                  </p:tgtEl>
                </p:cond>
              </p:nextCondLst>
            </p:seq>
            <p:seq concurrent="1" nextAc="seek">
              <p:cTn id="32" restart="whenNotActive" fill="hold" evtFilter="cancelBubble" nodeType="interactiveSeq">
                <p:stCondLst>
                  <p:cond evt="onClick" delay="0">
                    <p:tgtEl>
                      <p:spTgt spid="39"/>
                    </p:tgtEl>
                  </p:cond>
                </p:stCondLst>
                <p:endSync evt="end" delay="0">
                  <p:rtn val="all"/>
                </p:endSync>
                <p:childTnLst>
                  <p:par>
                    <p:cTn id="33" fill="hold">
                      <p:stCondLst>
                        <p:cond delay="0"/>
                      </p:stCondLst>
                      <p:childTnLst>
                        <p:par>
                          <p:cTn id="34" fill="hold">
                            <p:stCondLst>
                              <p:cond delay="0"/>
                            </p:stCondLst>
                            <p:childTnLst>
                              <p:par>
                                <p:cTn id="35" presetID="22" presetClass="entr" presetSubtype="4" fill="hold" grpId="0" nodeType="clickEffect">
                                  <p:stCondLst>
                                    <p:cond delay="0"/>
                                  </p:stCondLst>
                                  <p:childTnLst>
                                    <p:set>
                                      <p:cBhvr>
                                        <p:cTn id="36" dur="1" fill="hold">
                                          <p:stCondLst>
                                            <p:cond delay="0"/>
                                          </p:stCondLst>
                                        </p:cTn>
                                        <p:tgtEl>
                                          <p:spTgt spid="42"/>
                                        </p:tgtEl>
                                        <p:attrNameLst>
                                          <p:attrName>style.visibility</p:attrName>
                                        </p:attrNameLst>
                                      </p:cBhvr>
                                      <p:to>
                                        <p:strVal val="visible"/>
                                      </p:to>
                                    </p:set>
                                    <p:animEffect transition="in" filter="wipe(down)">
                                      <p:cBhvr>
                                        <p:cTn id="37" dur="500"/>
                                        <p:tgtEl>
                                          <p:spTgt spid="42"/>
                                        </p:tgtEl>
                                      </p:cBhvr>
                                    </p:animEffect>
                                  </p:childTnLst>
                                  <p:subTnLst>
                                    <p:audio>
                                      <p:cMediaNode>
                                        <p:cTn display="0" masterRel="sameClick">
                                          <p:stCondLst>
                                            <p:cond evt="begin" delay="0">
                                              <p:tn val="35"/>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39"/>
                  </p:tgtEl>
                </p:cond>
              </p:nextCondLst>
            </p:seq>
            <p:seq concurrent="1" nextAc="seek">
              <p:cTn id="38" restart="whenNotActive" fill="hold" evtFilter="cancelBubble" nodeType="interactiveSeq">
                <p:stCondLst>
                  <p:cond evt="onClick" delay="0">
                    <p:tgtEl>
                      <p:spTgt spid="47"/>
                    </p:tgtEl>
                  </p:cond>
                </p:stCondLst>
                <p:endSync evt="end" delay="0">
                  <p:rtn val="all"/>
                </p:endSync>
                <p:childTnLst>
                  <p:par>
                    <p:cTn id="39" fill="hold">
                      <p:stCondLst>
                        <p:cond delay="0"/>
                      </p:stCondLst>
                      <p:childTnLst>
                        <p:par>
                          <p:cTn id="40" fill="hold">
                            <p:stCondLst>
                              <p:cond delay="0"/>
                            </p:stCondLst>
                            <p:childTnLst>
                              <p:par>
                                <p:cTn id="41" presetID="22" presetClass="entr" presetSubtype="4" fill="hold" grpId="0" nodeType="clickEffect">
                                  <p:stCondLst>
                                    <p:cond delay="0"/>
                                  </p:stCondLst>
                                  <p:childTnLst>
                                    <p:set>
                                      <p:cBhvr>
                                        <p:cTn id="42" dur="1" fill="hold">
                                          <p:stCondLst>
                                            <p:cond delay="0"/>
                                          </p:stCondLst>
                                        </p:cTn>
                                        <p:tgtEl>
                                          <p:spTgt spid="50"/>
                                        </p:tgtEl>
                                        <p:attrNameLst>
                                          <p:attrName>style.visibility</p:attrName>
                                        </p:attrNameLst>
                                      </p:cBhvr>
                                      <p:to>
                                        <p:strVal val="visible"/>
                                      </p:to>
                                    </p:set>
                                    <p:animEffect transition="in" filter="wipe(down)">
                                      <p:cBhvr>
                                        <p:cTn id="43" dur="500"/>
                                        <p:tgtEl>
                                          <p:spTgt spid="50"/>
                                        </p:tgtEl>
                                      </p:cBhvr>
                                    </p:animEffect>
                                  </p:childTnLst>
                                  <p:subTnLst>
                                    <p:audio>
                                      <p:cMediaNode>
                                        <p:cTn display="0" masterRel="sameClick">
                                          <p:stCondLst>
                                            <p:cond evt="begin" delay="0">
                                              <p:tn val="41"/>
                                            </p:cond>
                                          </p:stCondLst>
                                          <p:endCondLst>
                                            <p:cond evt="onStopAudio" delay="0">
                                              <p:tgtEl>
                                                <p:sldTgt/>
                                              </p:tgtEl>
                                            </p:cond>
                                          </p:endCondLst>
                                        </p:cTn>
                                        <p:tgtEl>
                                          <p:sndTgt r:embed="rId4" name="CorrectAnswerSFX.wav"/>
                                        </p:tgtEl>
                                      </p:cMediaNode>
                                    </p:audio>
                                  </p:subTnLst>
                                </p:cTn>
                              </p:par>
                            </p:childTnLst>
                          </p:cTn>
                        </p:par>
                      </p:childTnLst>
                    </p:cTn>
                  </p:par>
                </p:childTnLst>
              </p:cTn>
              <p:nextCondLst>
                <p:cond evt="onClick" delay="0">
                  <p:tgtEl>
                    <p:spTgt spid="47"/>
                  </p:tgtEl>
                </p:cond>
              </p:nextCondLst>
            </p:seq>
            <p:seq concurrent="1" nextAc="seek">
              <p:cTn id="44" restart="whenNotActive" fill="hold" evtFilter="cancelBubble" nodeType="interactiveSeq">
                <p:stCondLst>
                  <p:cond evt="onClick" delay="0">
                    <p:tgtEl>
                      <p:spTgt spid="51"/>
                    </p:tgtEl>
                  </p:cond>
                </p:stCondLst>
                <p:endSync evt="end" delay="0">
                  <p:rtn val="all"/>
                </p:endSync>
                <p:childTnLst>
                  <p:par>
                    <p:cTn id="45" fill="hold">
                      <p:stCondLst>
                        <p:cond delay="0"/>
                      </p:stCondLst>
                      <p:childTnLst>
                        <p:par>
                          <p:cTn id="46" fill="hold">
                            <p:stCondLst>
                              <p:cond delay="0"/>
                            </p:stCondLst>
                            <p:childTnLst>
                              <p:par>
                                <p:cTn id="47" presetID="22" presetClass="entr" presetSubtype="4" fill="hold" grpId="0" nodeType="clickEffect">
                                  <p:stCondLst>
                                    <p:cond delay="0"/>
                                  </p:stCondLst>
                                  <p:childTnLst>
                                    <p:set>
                                      <p:cBhvr>
                                        <p:cTn id="48" dur="1" fill="hold">
                                          <p:stCondLst>
                                            <p:cond delay="0"/>
                                          </p:stCondLst>
                                        </p:cTn>
                                        <p:tgtEl>
                                          <p:spTgt spid="58"/>
                                        </p:tgtEl>
                                        <p:attrNameLst>
                                          <p:attrName>style.visibility</p:attrName>
                                        </p:attrNameLst>
                                      </p:cBhvr>
                                      <p:to>
                                        <p:strVal val="visible"/>
                                      </p:to>
                                    </p:set>
                                    <p:animEffect transition="in" filter="wipe(down)">
                                      <p:cBhvr>
                                        <p:cTn id="49" dur="500"/>
                                        <p:tgtEl>
                                          <p:spTgt spid="58"/>
                                        </p:tgtEl>
                                      </p:cBhvr>
                                    </p:animEffect>
                                  </p:childTnLst>
                                  <p:subTnLst>
                                    <p:audio>
                                      <p:cMediaNode>
                                        <p:cTn display="0" masterRel="sameClick">
                                          <p:stCondLst>
                                            <p:cond evt="begin" delay="0">
                                              <p:tn val="47"/>
                                            </p:cond>
                                          </p:stCondLst>
                                          <p:endCondLst>
                                            <p:cond evt="onStopAudio" delay="0">
                                              <p:tgtEl>
                                                <p:sldTgt/>
                                              </p:tgtEl>
                                            </p:cond>
                                          </p:endCondLst>
                                        </p:cTn>
                                        <p:tgtEl>
                                          <p:sndTgt r:embed="rId5" name="WrongAnswerSFX.wav"/>
                                        </p:tgtEl>
                                      </p:cMediaNode>
                                    </p:audio>
                                  </p:subTnLst>
                                </p:cTn>
                              </p:par>
                            </p:childTnLst>
                          </p:cTn>
                        </p:par>
                      </p:childTnLst>
                    </p:cTn>
                  </p:par>
                </p:childTnLst>
              </p:cTn>
              <p:nextCondLst>
                <p:cond evt="onClick" delay="0">
                  <p:tgtEl>
                    <p:spTgt spid="51"/>
                  </p:tgtEl>
                </p:cond>
              </p:nextCondLst>
            </p:seq>
          </p:childTnLst>
        </p:cTn>
      </p:par>
    </p:tnLst>
    <p:bldLst>
      <p:bldP spid="20" grpId="0"/>
      <p:bldP spid="25" grpId="0"/>
      <p:bldP spid="30" grpId="0"/>
      <p:bldP spid="34" grpId="0"/>
      <p:bldP spid="38" grpId="0"/>
      <p:bldP spid="42" grpId="0"/>
      <p:bldP spid="50" grpId="0"/>
      <p:bldP spid="58"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20,&quot;colors&quot;:{&quot;asideBackground&quot;:{&quot;color&quot;:&quot;#EFF1F2&quot;,&quot;opacity&quot;:1,&quot;type&quot;:&quot;SOLID&quot;},&quot;asideElementBackgroundActive&quot;:{&quot;color&quot;:&quot;#A282ED&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FFFFFF&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degree&quot;:90,&quot;gradient&quot;:[{&quot;color&quot;:&quot;#8695FF&quot;,&quot;opacity&quot;:1},{&quot;color&quot;:&quot;#D65FCC&quot;,&quot;opacity&quot;:1}],&quot;type&quot;:&quot;GRADIENT&quot;},&quot;primaryButtonBackgroundHover&quot;:{&quot;degree&quot;:180,&quot;gradient&quot;:[{&quot;color&quot;:&quot;#8695FF&quot;,&quot;opacity&quot;:1},{&quot;color&quot;:&quot;#D65FCC&quot;,&quot;opacity&quot;:1}],&quot;type&quot;:&quot;GRADIENT&quot;},&quot;primaryButtonBorder&quot;:{&quot;color&quot;:&quot;#8962DB&quot;,&quot;opacity&quot;:0,&quot;type&quot;:&quot;SOLID&quot;},&quot;primaryButtonBorderHover&quot;:{&quot;color&quot;:&quot;#7150B6&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false,&quot;showPlaybackRateButton&quot;:false,&quot;showPrevButton&quot;:true,&quot;showRewind&quot;:false,&quot;showSlideNumbers&quot;:true,&quot;showSlideOnlyButton&quot;:true,&quot;showTimer&quot;:false,&quot;showVolumeControl&quot;:false,&quot;visible&quot;:true},&quot;fontFamily&quot;:&quot;Arial&quot;,&quot;miniskinCustomizationEnabled&quot;:true,&quot;outlinePanel&quot;:{&quot;highlightViewedEntries&quot;:false,&quot;multilevel&quot;:true,&quot;numberEntries&quot;:fals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outline&quot;],&quot;buttonsAtLeft&quot;:false,&quot;courseTitleVisible&quot;:true,&quot;showLogo&quot;:fals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Exit full screen&quot;,&quot;PB_CONTROL_PANEL_FULL_SCREEN&quot;:&quot;Full screen&quot;,&quot;PB_CONTROL_PANEL_NEXT&quot;:&quot;SONRAKİ&quot;,&quot;PB_CONTROL_PANEL_OUTLINE&quot;:&quot;OUTLINE&quot;,&quot;PB_CONTROL_PANEL_PREV&quot;:&quot;ÖNCEKİ&quot;,&quot;PB_CONTROL_PANEL_REPLAY&quot;:&quot;Replay&quot;,&quot;PB_CONTROL_PANEL_SLIDE_COUNTER&quot;:&quot;%SLIDE_NUMBER%\/%TOTAL_SLIDES%&quot;,&quot;PB_CONTROL_PANEL_VOLUME_CONTROL&quot;:&quot;Volume&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Show less&quot;,&quot;PB_PRESENTER_EMAIL&quot;:&quot;Email&quot;,&quot;PB_PRESENTER_EXPAND_BIO&quot;:&quot;Show more&quot;,&quot;PB_PRESENTER_NO_INFO&quot;:&quot;Sunucu Bilgisi Yok&quot;,&quot;PB_PRESENTER_WEBSITE&quot;:&quot;Website&quot;,&quot;PB_QUIZ_SLIDE_WINDOW_TEXT&quot;:&quot;Bu slayttan ayrılmadan önce testi tamamlamanız gerekmektedir.&quot;,&quot;PB_RATE_MENU_CAPTION&quot;:&quot;Speed&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in notes&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true,&quot;texts&quot;:[&quot;DT_COURSE_TITLE&quot;,&quot;DT_REFERENCE_URL&quot;,&quot;DT_REFERENCE_TITLE&quot;,&quot;DT_SLIDE_TITLE&quot;,&quot;DT_SLIDE_NOTES_TEXT&quot;,&quot;DT_SLIDE_TEXT&quot;,&quot;DT_HYPERLINK_TOOLTIP&quot;]},&quot;resources&quot;:{&quot;attachments&quot;:true,&quot;fonts&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in notes&quot;,&quot;İptal&quot;,&quot;ÖNCEKİ&quot;,&quot;SONRAKİ&quot;,&quot;Full screen&quot;,&quot;Exit full screen&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in notes&quot;,&quot;İptal&quot;,&quot;ÖNCEKİ&quot;,&quot;SONRAKİ&quot;,&quot;Full screen&quot;,&quot;Exit full screen&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in notes&quot;,&quot;İptal&quot;,&quot;ÖNCEKİ&quot;,&quot;SONRAKİ&quot;,&quot;Full screen&quot;,&quot;Exit full screen&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in notes&quot;,&quot;İptal&quot;,&quot;ÖNCEKİ&quot;,&quot;SONRAKİ&quot;,&quot;Full screen&quot;,&quot;Exit full screen&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in notes&quot;,&quot;İptal&quot;,&quot;ÖNCEKİ&quot;,&quot;SONRAKİ&quot;,&quot;Full screen&quot;,&quot;Exit full screen&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in notes&quot;,&quot;İptal&quot;,&quot;ÖNCEKİ&quot;,&quot;SONRAKİ&quot;,&quot;Full screen&quot;,&quot;Exit full screen&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fullscreen,slideNumber,goToPrev,goToNext&quot;,&quot;playerLayoutHeader&quot;:&quot;resources,markerTools,outline,title&quot;,&quot;playerLayoutHeaderButtonsPosition&quot;:&quot;right&quot;,&quot;playerLayoutOutline&quot;:&quot;enableSearch,showThumbnails,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builtin.lightPurple&quot;,&quot;playerThemeFont&quot;:&quot;Arial&quot;}}}"/>
  <p:tag name="ISPRING-SUITE_ISPRING_CURRENT_PLAYER_ID" val="universal"/>
  <p:tag name="ISPRING_PRESENTATION_COURSE_TITLE" val="10.1.5 İnsanın Allah ile İrtibatı"/>
  <p:tag name="ISPRING_LMS_API_VERSION" val="SCORM 2004 (4th edition)"/>
  <p:tag name="ISPRING_ULTRA_SCORM_COURSE_ID" val="A5372915-E435-435D-AC58-FA05C33AA5EE"/>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W\uFFFD\uFFFD{B183E348-C202-44F7-B565-2C1AFCBC22E2}&quot;,&quot;C:\\Users\\Monster\\Desktop\\SUNULAR\\LİSE\\10. SINIF\\1.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 name="ISPRING_PRESENTATION_TITLE" val="10.1.5 İnsanın Allah ile İrtibatı"/>
</p:tagLst>
</file>

<file path=ppt/tags/tag1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1.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1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1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1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30.xml><?xml version="1.0" encoding="utf-8"?>
<p:tagLst xmlns:a="http://schemas.openxmlformats.org/drawingml/2006/main" xmlns:r="http://schemas.openxmlformats.org/officeDocument/2006/relationships" xmlns:p="http://schemas.openxmlformats.org/presentationml/2006/main">
  <p:tag name="GENSWF_SLIDE_UID" val="{1BAC880F-F8B4-4B57-83B0-4B51F9A17259}:256"/>
</p:tagLst>
</file>

<file path=ppt/tags/tag31.xml><?xml version="1.0" encoding="utf-8"?>
<p:tagLst xmlns:a="http://schemas.openxmlformats.org/drawingml/2006/main" xmlns:r="http://schemas.openxmlformats.org/officeDocument/2006/relationships" xmlns:p="http://schemas.openxmlformats.org/presentationml/2006/main">
  <p:tag name="GENSWF_SLIDE_UID" val="{ABEDDED1-08F2-4CB7-B45C-5D3C45C802A2}:261"/>
</p:tagLst>
</file>

<file path=ppt/tags/tag32.xml><?xml version="1.0" encoding="utf-8"?>
<p:tagLst xmlns:a="http://schemas.openxmlformats.org/drawingml/2006/main" xmlns:r="http://schemas.openxmlformats.org/officeDocument/2006/relationships" xmlns:p="http://schemas.openxmlformats.org/presentationml/2006/main">
  <p:tag name="GENSWF_SLIDE_UID" val="{1C0EA7B8-0E21-42EC-A35F-0415DC099337}:259"/>
</p:tagLst>
</file>

<file path=ppt/tags/tag33.xml><?xml version="1.0" encoding="utf-8"?>
<p:tagLst xmlns:a="http://schemas.openxmlformats.org/drawingml/2006/main" xmlns:r="http://schemas.openxmlformats.org/officeDocument/2006/relationships" xmlns:p="http://schemas.openxmlformats.org/presentationml/2006/main">
  <p:tag name="GENSWF_SLIDE_UID" val="{791D226D-9348-4606-91FA-A600C619A653}:260"/>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 name="HTML_SHAPEINFO" val="&lt;SlideThumbPath val=&quot;Slide11.PNG&quot;/&gt;"/>
  <p:tag name="GENSWF_SLIDE_UID" val="{CDF4B98D-EEC6-47CF-9484-7705C833D15D}:264"/>
</p:tagLst>
</file>

<file path=ppt/tags/tag3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5&quot;/&gt;&lt;/TableIndex&gt;&lt;/ShapeTextInfo&gt;"/>
  <p:tag name="HTML_SHAPEINFO" val="&lt;ThreeDShapeInfo&gt;&lt;uuid val=&quot;&quot;/&gt;&lt;isInvalidForFieldText val=&quot;0&quot;/&gt;&lt;Image&gt;&lt;filename val=&quot;C:\Users\Samsung\Desktop\Yeni klasör\data\asimages\{AA06D18B-6A7B-4044-88D4-C923A9A6AA06}_11.png&quot;/&gt;&lt;left val=&quot;21&quot;/&gt;&lt;top val=&quot;226&quot;/&gt;&lt;width val=&quot;154&quot;/&gt;&lt;height val=&quot;85&quot;/&gt;&lt;hasText val=&quot;1&quot;/&gt;&lt;/Image&gt;&lt;/ThreeDShapeInfo&gt;"/>
</p:tagLst>
</file>

<file path=ppt/tags/tag3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2&quot;/&gt;&lt;lineCharCount val=&quot;6&quot;/&gt;&lt;lineCharCount val=&quot;19&quot;/&gt;&lt;/TableIndex&gt;&lt;/ShapeTextInfo&gt;"/>
  <p:tag name="HTML_SHAPEINFO" val="&lt;ThreeDShapeInfo&gt;&lt;uuid val=&quot;&quot;/&gt;&lt;isInvalidForFieldText val=&quot;0&quot;/&gt;&lt;Image&gt;&lt;filename val=&quot;C:\Users\Samsung\Desktop\Yeni klasör\data\asimages\{E355C0ED-AD05-4A47-B211-7E6B63A3EC12}_11.png&quot;/&gt;&lt;left val=&quot;519&quot;/&gt;&lt;top val=&quot;405&quot;/&gt;&lt;width val=&quot;242&quot;/&gt;&lt;height val=&quot;93&quot;/&gt;&lt;hasText val=&quot;1&quot;/&gt;&lt;/Image&gt;&lt;/ThreeDShapeInfo&gt;"/>
</p:tagLst>
</file>

<file path=ppt/tags/tag37.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38.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1&quot;/&gt;&lt;/TableIndex&gt;&lt;/ShapeTextInfo&gt;"/>
</p:tagLst>
</file>

<file path=ppt/tags/tag39.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2&quot;/&gt;&lt;lineCharCount val=&quot;23&quot;/&gt;&lt;lineCharCount val=&quot;18&quot;/&gt;&lt;/TableIndex&gt;&lt;/ShapeTextInfo&gt;"/>
</p:tagLst>
</file>

<file path=ppt/tags/tag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4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10&quot;/&gt;&lt;/TableIndex&gt;&lt;/ShapeTextInfo&gt;"/>
</p:tagLst>
</file>

<file path=ppt/tags/tag41.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2&quot;/&gt;&lt;lineCharCount val=&quot;7&quot;/&gt;&lt;lineCharCount val=&quot;6&quot;/&gt;&lt;/TableIndex&gt;&lt;/ShapeTextInfo&gt;"/>
</p:tagLst>
</file>

<file path=ppt/tags/tag4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2&quot;/&gt;&lt;lineCharCount val=&quot;4&quot;/&gt;&lt;lineCharCount val=&quot;6&quot;/&gt;&lt;/TableIndex&gt;&lt;/ShapeTextInfo&gt;"/>
</p:tagLst>
</file>

<file path=ppt/tags/tag4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2&quot;/&gt;&lt;lineCharCount val=&quot;5&quot;/&gt;&lt;lineCharCount val=&quot;8&quot;/&gt;&lt;/TableIndex&gt;&lt;/ShapeTextInfo&gt;"/>
  <p:tag name="HTML_SHAPEINFO" val="&lt;ThreeDShapeInfo&gt;&lt;uuid val=&quot;&quot;/&gt;&lt;isInvalidForFieldText val=&quot;0&quot;/&gt;&lt;Image&gt;&lt;filename val=&quot;C:\Users\Samsung\Desktop\Yeni klasör\data\asimages\{F2E8675A-09BE-4622-9D2B-BE464A369193}_11.png&quot;/&gt;&lt;left val=&quot;606&quot;/&gt;&lt;top val=&quot;120&quot;/&gt;&lt;width val=&quot;188&quot;/&gt;&lt;height val=&quot;107&quot;/&gt;&lt;hasText val=&quot;1&quot;/&gt;&lt;/Image&gt;&lt;/ThreeDShapeInfo&gt;"/>
</p:tagLst>
</file>

<file path=ppt/tags/tag4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2&quot;/&gt;&lt;lineCharCount val=&quot;3&quot;/&gt;&lt;lineCharCount val=&quot;8&quot;/&gt;&lt;/TableIndex&gt;&lt;/ShapeTextInfo&gt;"/>
  <p:tag name="HTML_SHAPEINFO" val="&lt;ThreeDShapeInfo&gt;&lt;uuid val=&quot;&quot;/&gt;&lt;isInvalidForFieldText val=&quot;0&quot;/&gt;&lt;Image&gt;&lt;filename val=&quot;C:\Users\Samsung\Desktop\Yeni klasör\data\asimages\{6AA1B69C-94D4-4D54-A1E8-76ECC6418EFB}_11.png&quot;/&gt;&lt;left val=&quot;517&quot;/&gt;&lt;top val=&quot;285&quot;/&gt;&lt;width val=&quot;153&quot;/&gt;&lt;height val=&quot;93&quot;/&gt;&lt;hasText val=&quot;1&quot;/&gt;&lt;/Image&gt;&lt;/ThreeDShapeInfo&gt;"/>
</p:tagLst>
</file>

<file path=ppt/tags/tag45.xml><?xml version="1.0" encoding="utf-8"?>
<p:tagLst xmlns:a="http://schemas.openxmlformats.org/drawingml/2006/main" xmlns:r="http://schemas.openxmlformats.org/officeDocument/2006/relationships" xmlns:p="http://schemas.openxmlformats.org/presentationml/2006/main">
  <p:tag name="GENSWF_SLIDE_UID" val="{14E2A923-5BA2-40B1-8CE8-102E139E542C}:265"/>
</p:tagLst>
</file>

<file path=ppt/tags/tag4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9&quot;/&gt;&lt;/TableIndex&gt;&lt;/ShapeTextInfo&gt;"/>
  <p:tag name="HTML_SHAPEINFO" val="&lt;ThreeDShapeInfo&gt;&lt;uuid val=&quot;&quot;/&gt;&lt;isInvalidForFieldText val=&quot;0&quot;/&gt;&lt;Image&gt;&lt;filename val=&quot;C:\Users\Samsung\Desktop\Yeni klasör\data\asimages\{F7F69401-69FB-43D4-B0AB-FC078FDAFD92}_17.png&quot;/&gt;&lt;left val=&quot;416&quot;/&gt;&lt;top val=&quot;459&quot;/&gt;&lt;width val=&quot;473&quot;/&gt;&lt;height val=&quot;61&quot;/&gt;&lt;hasText val=&quot;1&quot;/&gt;&lt;/Image&gt;&lt;/ThreeDShapeInfo&gt;"/>
</p:tagLst>
</file>

<file path=ppt/tags/tag47.xml><?xml version="1.0" encoding="utf-8"?>
<p:tagLst xmlns:a="http://schemas.openxmlformats.org/drawingml/2006/main" xmlns:r="http://schemas.openxmlformats.org/officeDocument/2006/relationships" xmlns:p="http://schemas.openxmlformats.org/presentationml/2006/main">
  <p:tag name="GENSWF_SLIDE_UID" val="{CEAFE0DB-675A-4412-98F8-C7AEDC0DBB9B}:262"/>
</p:tagLst>
</file>

<file path=ppt/tags/tag48.xml><?xml version="1.0" encoding="utf-8"?>
<p:tagLst xmlns:a="http://schemas.openxmlformats.org/drawingml/2006/main" xmlns:r="http://schemas.openxmlformats.org/officeDocument/2006/relationships" xmlns:p="http://schemas.openxmlformats.org/presentationml/2006/main">
  <p:tag name="GENSWF_SLIDE_UID" val="{B55A116B-C115-4E02-80A1-074383B577B8}:263"/>
</p:tagLst>
</file>

<file path=ppt/tags/tag49.xml><?xml version="1.0" encoding="utf-8"?>
<p:tagLst xmlns:a="http://schemas.openxmlformats.org/drawingml/2006/main" xmlns:r="http://schemas.openxmlformats.org/officeDocument/2006/relationships" xmlns:p="http://schemas.openxmlformats.org/presentationml/2006/main">
  <p:tag name="GENSWF_SLIDE_UID" val="{2EB2D7DB-7302-4A8C-AD64-A871C018776B}:267"/>
</p:tagLst>
</file>

<file path=ppt/tags/tag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50.xml><?xml version="1.0" encoding="utf-8"?>
<p:tagLst xmlns:a="http://schemas.openxmlformats.org/drawingml/2006/main" xmlns:r="http://schemas.openxmlformats.org/officeDocument/2006/relationships" xmlns:p="http://schemas.openxmlformats.org/presentationml/2006/main">
  <p:tag name="GENSWF_SLIDE_UID" val="{1A25E663-8015-4E83-9E3A-1B242A1B55E4}:291"/>
</p:tagLst>
</file>

<file path=ppt/tags/tag51.xml><?xml version="1.0" encoding="utf-8"?>
<p:tagLst xmlns:a="http://schemas.openxmlformats.org/drawingml/2006/main" xmlns:r="http://schemas.openxmlformats.org/officeDocument/2006/relationships" xmlns:p="http://schemas.openxmlformats.org/presentationml/2006/main">
  <p:tag name="GENSWF_SLIDE_TITLE" val="Etkinlik"/>
  <p:tag name="ISPRING_SLIDE_INDENT_LEVEL" val="0"/>
  <p:tag name="ISPRING_CUSTOM_TIMING_USED" val="0"/>
  <p:tag name="GENSWF_SLIDE_UID" val="{5CBF6739-1F54-4C5C-9A8A-32FD933C9CC5}:292"/>
</p:tagLst>
</file>

<file path=ppt/tags/tag52.xml><?xml version="1.0" encoding="utf-8"?>
<p:tagLst xmlns:a="http://schemas.openxmlformats.org/drawingml/2006/main" xmlns:r="http://schemas.openxmlformats.org/officeDocument/2006/relationships" xmlns:p="http://schemas.openxmlformats.org/presentationml/2006/main">
  <p:tag name="GENSWF_SLIDE_UID" val="{92F647E0-837A-4C2C-88E8-5065A1CA1FA9}:266"/>
</p:tagLst>
</file>

<file path=ppt/tags/tag53.xml><?xml version="1.0" encoding="utf-8"?>
<p:tagLst xmlns:a="http://schemas.openxmlformats.org/drawingml/2006/main" xmlns:r="http://schemas.openxmlformats.org/officeDocument/2006/relationships" xmlns:p="http://schemas.openxmlformats.org/presentationml/2006/main">
  <p:tag name="GENSWF_SLIDE_UID" val="{DFA81388-A738-4EE4-A34F-84901BEEDB26}:268"/>
</p:tagLst>
</file>

<file path=ppt/tags/tag54.xml><?xml version="1.0" encoding="utf-8"?>
<p:tagLst xmlns:a="http://schemas.openxmlformats.org/drawingml/2006/main" xmlns:r="http://schemas.openxmlformats.org/officeDocument/2006/relationships" xmlns:p="http://schemas.openxmlformats.org/presentationml/2006/main">
  <p:tag name="GENSWF_SLIDE_UID" val="{BA4D5A4D-D54A-4699-9320-C47C0C6FDB8E}:269"/>
</p:tagLst>
</file>

<file path=ppt/tags/tag55.xml><?xml version="1.0" encoding="utf-8"?>
<p:tagLst xmlns:a="http://schemas.openxmlformats.org/drawingml/2006/main" xmlns:r="http://schemas.openxmlformats.org/officeDocument/2006/relationships" xmlns:p="http://schemas.openxmlformats.org/presentationml/2006/main">
  <p:tag name="GENSWF_SLIDE_UID" val="{52FD0248-172E-4EFA-82FE-7E890377A97F}:270"/>
</p:tagLst>
</file>

<file path=ppt/tags/tag56.xml><?xml version="1.0" encoding="utf-8"?>
<p:tagLst xmlns:a="http://schemas.openxmlformats.org/drawingml/2006/main" xmlns:r="http://schemas.openxmlformats.org/officeDocument/2006/relationships" xmlns:p="http://schemas.openxmlformats.org/presentationml/2006/main">
  <p:tag name="GENSWF_SLIDE_UID" val="{84B0ECBE-E400-4CED-81A8-E9288904552D}:271"/>
</p:tagLst>
</file>

<file path=ppt/tags/tag57.xml><?xml version="1.0" encoding="utf-8"?>
<p:tagLst xmlns:a="http://schemas.openxmlformats.org/drawingml/2006/main" xmlns:r="http://schemas.openxmlformats.org/officeDocument/2006/relationships" xmlns:p="http://schemas.openxmlformats.org/presentationml/2006/main">
  <p:tag name="GENSWF_SLIDE_UID" val="{79EAF7A0-2F03-4FA8-98C8-BB1C41328740}:272"/>
</p:tagLst>
</file>

<file path=ppt/tags/tag58.xml><?xml version="1.0" encoding="utf-8"?>
<p:tagLst xmlns:a="http://schemas.openxmlformats.org/drawingml/2006/main" xmlns:r="http://schemas.openxmlformats.org/officeDocument/2006/relationships" xmlns:p="http://schemas.openxmlformats.org/presentationml/2006/main">
  <p:tag name="GENSWF_SLIDE_UID" val="{8E7F9236-C98C-43EC-8FF6-284ABE6FD7B8}:273"/>
</p:tagLst>
</file>

<file path=ppt/tags/tag59.xml><?xml version="1.0" encoding="utf-8"?>
<p:tagLst xmlns:a="http://schemas.openxmlformats.org/drawingml/2006/main" xmlns:r="http://schemas.openxmlformats.org/officeDocument/2006/relationships" xmlns:p="http://schemas.openxmlformats.org/presentationml/2006/main">
  <p:tag name="GENSWF_SLIDE_UID" val="{E40EC98B-F421-4E95-ABE0-D0AD01C9268E}:274"/>
</p:tagLst>
</file>

<file path=ppt/tags/tag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6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TITLE" val="Test Sorusu"/>
  <p:tag name="GENSWF_SLIDE_UID" val="{697FF924-CC44-48ED-91D9-5EEE54626BF9}:290"/>
</p:tagLst>
</file>

<file path=ppt/tags/tag61.xml><?xml version="1.0" encoding="utf-8"?>
<p:tagLst xmlns:a="http://schemas.openxmlformats.org/drawingml/2006/main" xmlns:r="http://schemas.openxmlformats.org/officeDocument/2006/relationships" xmlns:p="http://schemas.openxmlformats.org/presentationml/2006/main">
  <p:tag name="GENSWF_SLIDE_UID" val="{4A596F82-CFD4-46D7-9CB4-F7CA642D99E6}:275"/>
</p:tagLst>
</file>

<file path=ppt/tags/tag62.xml><?xml version="1.0" encoding="utf-8"?>
<p:tagLst xmlns:a="http://schemas.openxmlformats.org/drawingml/2006/main" xmlns:r="http://schemas.openxmlformats.org/officeDocument/2006/relationships" xmlns:p="http://schemas.openxmlformats.org/presentationml/2006/main">
  <p:tag name="GENSWF_SLIDE_UID" val="{36389FB4-B1EB-49A6-A744-AB29394F0412}:276"/>
</p:tagLst>
</file>

<file path=ppt/tags/tag63.xml><?xml version="1.0" encoding="utf-8"?>
<p:tagLst xmlns:a="http://schemas.openxmlformats.org/drawingml/2006/main" xmlns:r="http://schemas.openxmlformats.org/officeDocument/2006/relationships" xmlns:p="http://schemas.openxmlformats.org/presentationml/2006/main">
  <p:tag name="GENSWF_SLIDE_TITLE" val="Video"/>
  <p:tag name="ISPRING_SLIDE_INDENT_LEVEL" val="0"/>
  <p:tag name="ISPRING_CUSTOM_TIMING_USED" val="0"/>
  <p:tag name="GENSWF_SLIDE_UID" val="{7A33BDDB-74E6-474A-849E-F770A07AE22C}:298"/>
</p:tagLst>
</file>

<file path=ppt/tags/tag64.xml><?xml version="1.0" encoding="utf-8"?>
<p:tagLst xmlns:a="http://schemas.openxmlformats.org/drawingml/2006/main" xmlns:r="http://schemas.openxmlformats.org/officeDocument/2006/relationships" xmlns:p="http://schemas.openxmlformats.org/presentationml/2006/main">
  <p:tag name="GENSWF_SLIDE_UID" val="{FE951E77-689B-4444-BE1C-8EC9498C2924}:277"/>
</p:tagLst>
</file>

<file path=ppt/tags/tag65.xml><?xml version="1.0" encoding="utf-8"?>
<p:tagLst xmlns:a="http://schemas.openxmlformats.org/drawingml/2006/main" xmlns:r="http://schemas.openxmlformats.org/officeDocument/2006/relationships" xmlns:p="http://schemas.openxmlformats.org/presentationml/2006/main">
  <p:tag name="GENSWF_SLIDE_UID" val="{A1B4904B-76FF-457C-B2E5-DF9D643DE930}:279"/>
</p:tagLst>
</file>

<file path=ppt/tags/tag66.xml><?xml version="1.0" encoding="utf-8"?>
<p:tagLst xmlns:a="http://schemas.openxmlformats.org/drawingml/2006/main" xmlns:r="http://schemas.openxmlformats.org/officeDocument/2006/relationships" xmlns:p="http://schemas.openxmlformats.org/presentationml/2006/main">
  <p:tag name="GENSWF_SLIDE_UID" val="{9A1BD993-2B74-47C3-A255-9525FDFB092B}:280"/>
</p:tagLst>
</file>

<file path=ppt/tags/tag67.xml><?xml version="1.0" encoding="utf-8"?>
<p:tagLst xmlns:a="http://schemas.openxmlformats.org/drawingml/2006/main" xmlns:r="http://schemas.openxmlformats.org/officeDocument/2006/relationships" xmlns:p="http://schemas.openxmlformats.org/presentationml/2006/main">
  <p:tag name="GENSWF_SLIDE_UID" val="{4AB6AE9E-D753-4A5E-BCB1-4E0D99B8C541}:282"/>
</p:tagLst>
</file>

<file path=ppt/tags/tag68.xml><?xml version="1.0" encoding="utf-8"?>
<p:tagLst xmlns:a="http://schemas.openxmlformats.org/drawingml/2006/main" xmlns:r="http://schemas.openxmlformats.org/officeDocument/2006/relationships" xmlns:p="http://schemas.openxmlformats.org/presentationml/2006/main">
  <p:tag name="GENSWF_SLIDE_UID" val="{B27A4826-D01A-4554-A704-3B8BDEF09E7F}:289"/>
</p:tagLst>
</file>

<file path=ppt/tags/tag69.xml><?xml version="1.0" encoding="utf-8"?>
<p:tagLst xmlns:a="http://schemas.openxmlformats.org/drawingml/2006/main" xmlns:r="http://schemas.openxmlformats.org/officeDocument/2006/relationships" xmlns:p="http://schemas.openxmlformats.org/presentationml/2006/main">
  <p:tag name="GENSWF_SLIDE_TITLE" val="Etkinlik"/>
  <p:tag name="ISPRING_SLIDE_INDENT_LEVEL" val="0"/>
  <p:tag name="ISPRING_CUSTOM_TIMING_USED" val="0"/>
  <p:tag name="GENSWF_SLIDE_UID" val="{F0EA5D72-565B-44EC-B01F-2295CF2B7E3D}:293"/>
</p:tagLst>
</file>

<file path=ppt/tags/tag7.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70.xml><?xml version="1.0" encoding="utf-8"?>
<p:tagLst xmlns:a="http://schemas.openxmlformats.org/drawingml/2006/main" xmlns:r="http://schemas.openxmlformats.org/officeDocument/2006/relationships" xmlns:p="http://schemas.openxmlformats.org/presentationml/2006/main">
  <p:tag name="GENSWF_SLIDE_UID" val="{44CD8077-C7A4-4823-B6B2-2247C733D91F}:283"/>
</p:tagLst>
</file>

<file path=ppt/tags/tag71.xml><?xml version="1.0" encoding="utf-8"?>
<p:tagLst xmlns:a="http://schemas.openxmlformats.org/drawingml/2006/main" xmlns:r="http://schemas.openxmlformats.org/officeDocument/2006/relationships" xmlns:p="http://schemas.openxmlformats.org/presentationml/2006/main">
  <p:tag name="GENSWF_SLIDE_UID" val="{59D830EC-98EF-4B15-B12E-A30BB7D1E304}:285"/>
</p:tagLst>
</file>

<file path=ppt/tags/tag72.xml><?xml version="1.0" encoding="utf-8"?>
<p:tagLst xmlns:a="http://schemas.openxmlformats.org/drawingml/2006/main" xmlns:r="http://schemas.openxmlformats.org/officeDocument/2006/relationships" xmlns:p="http://schemas.openxmlformats.org/presentationml/2006/main">
  <p:tag name="GENSWF_SLIDE_UID" val="{6D29E27C-C184-4196-BB26-BF0B0C3D7475}:286"/>
</p:tagLst>
</file>

<file path=ppt/tags/tag73.xml><?xml version="1.0" encoding="utf-8"?>
<p:tagLst xmlns:a="http://schemas.openxmlformats.org/drawingml/2006/main" xmlns:r="http://schemas.openxmlformats.org/officeDocument/2006/relationships" xmlns:p="http://schemas.openxmlformats.org/presentationml/2006/main">
  <p:tag name="GENSWF_SLIDE_UID" val="{93A0748B-EC5C-4750-B2A3-BD6234304D46}:284"/>
</p:tagLst>
</file>

<file path=ppt/tags/tag74.xml><?xml version="1.0" encoding="utf-8"?>
<p:tagLst xmlns:a="http://schemas.openxmlformats.org/drawingml/2006/main" xmlns:r="http://schemas.openxmlformats.org/officeDocument/2006/relationships" xmlns:p="http://schemas.openxmlformats.org/presentationml/2006/main">
  <p:tag name="GENSWF_SLIDE_UID" val="{0635CBAF-5D8A-43E0-AD02-E2802C073A84}:287"/>
</p:tagLst>
</file>

<file path=ppt/tags/tag75.xml><?xml version="1.0" encoding="utf-8"?>
<p:tagLst xmlns:a="http://schemas.openxmlformats.org/drawingml/2006/main" xmlns:r="http://schemas.openxmlformats.org/officeDocument/2006/relationships" xmlns:p="http://schemas.openxmlformats.org/presentationml/2006/main">
  <p:tag name="GENSWF_SLIDE_UID" val="{D63EA82F-9A07-4FE1-8CA2-D20505506602}:288"/>
</p:tagLst>
</file>

<file path=ppt/tags/tag76.xml><?xml version="1.0" encoding="utf-8"?>
<p:tagLst xmlns:a="http://schemas.openxmlformats.org/drawingml/2006/main" xmlns:r="http://schemas.openxmlformats.org/officeDocument/2006/relationships" xmlns:p="http://schemas.openxmlformats.org/presentationml/2006/main">
  <p:tag name="GENSWF_SLIDE_TITLE" val="Etkinlik"/>
  <p:tag name="ISPRING_SLIDE_INDENT_LEVEL" val="0"/>
  <p:tag name="ISPRING_CUSTOM_TIMING_USED" val="0"/>
  <p:tag name="GENSWF_SLIDE_UID" val="{7471E6C4-F0B3-4EAE-A125-0B51D405AF46}:294"/>
</p:tagLst>
</file>

<file path=ppt/tags/tag77.xml><?xml version="1.0" encoding="utf-8"?>
<p:tagLst xmlns:a="http://schemas.openxmlformats.org/drawingml/2006/main" xmlns:r="http://schemas.openxmlformats.org/officeDocument/2006/relationships" xmlns:p="http://schemas.openxmlformats.org/presentationml/2006/main">
  <p:tag name="GENSWF_SLIDE_TITLE" val="Doğru Yanlış"/>
  <p:tag name="ISPRING_SLIDE_INDENT_LEVEL" val="0"/>
  <p:tag name="ISPRING_CUSTOM_TIMING_USED" val="0"/>
  <p:tag name="GENSWF_SLIDE_UID" val="{BA9CC596-0A70-42CF-89AA-F03A26C6A88F}:257"/>
</p:tagLst>
</file>

<file path=ppt/tags/tag78.xml><?xml version="1.0" encoding="utf-8"?>
<p:tagLst xmlns:a="http://schemas.openxmlformats.org/drawingml/2006/main" xmlns:r="http://schemas.openxmlformats.org/officeDocument/2006/relationships" xmlns:p="http://schemas.openxmlformats.org/presentationml/2006/main">
  <p:tag name="GENSWF_SLIDE_UID" val="{20EA29E4-BB9C-4193-BCC8-352BC525FFFF}:296"/>
</p:tagLst>
</file>

<file path=ppt/tags/tag79.xml><?xml version="1.0" encoding="utf-8"?>
<p:tagLst xmlns:a="http://schemas.openxmlformats.org/drawingml/2006/main" xmlns:r="http://schemas.openxmlformats.org/officeDocument/2006/relationships" xmlns:p="http://schemas.openxmlformats.org/presentationml/2006/main">
  <p:tag name="GENSWF_SLIDE_TITLE" val="Test soru"/>
  <p:tag name="ISPRING_SLIDE_INDENT_LEVEL" val="0"/>
  <p:tag name="ISPRING_CUSTOM_TIMING_USED" val="0"/>
  <p:tag name="GENSWF_SLIDE_UID" val="{7009E33F-4B0E-4FAE-8E62-9F1B63940F21}:295"/>
</p:tagLst>
</file>

<file path=ppt/tags/tag8.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48&quot;/&gt;&lt;/TableIndex&gt;&lt;/ShapeTextInfo&gt;"/>
</p:tagLst>
</file>

<file path=ppt/tags/tag80.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heme/theme1.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0.xml><?xml version="1.0" encoding="utf-8"?>
<a:theme xmlns:a="http://schemas.openxmlformats.org/drawingml/2006/main" name="4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1.xml><?xml version="1.0" encoding="utf-8"?>
<a:theme xmlns:a="http://schemas.openxmlformats.org/drawingml/2006/main" name="5_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12.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6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1891">
  <a:themeElements>
    <a:clrScheme name="Custom 14">
      <a:dk1>
        <a:srgbClr val="494C4F"/>
      </a:dk1>
      <a:lt1>
        <a:srgbClr val="FFFFFF"/>
      </a:lt1>
      <a:dk2>
        <a:srgbClr val="494C4F"/>
      </a:dk2>
      <a:lt2>
        <a:srgbClr val="F2F3F8"/>
      </a:lt2>
      <a:accent1>
        <a:srgbClr val="ED5463"/>
      </a:accent1>
      <a:accent2>
        <a:srgbClr val="FB6E52"/>
      </a:accent2>
      <a:accent3>
        <a:srgbClr val="FFCE54"/>
      </a:accent3>
      <a:accent4>
        <a:srgbClr val="A1D469"/>
      </a:accent4>
      <a:accent5>
        <a:srgbClr val="49CFAE"/>
      </a:accent5>
      <a:accent6>
        <a:srgbClr val="4FC1E9"/>
      </a:accent6>
      <a:hlink>
        <a:srgbClr val="4FC1E9"/>
      </a:hlink>
      <a:folHlink>
        <a:srgbClr val="49CFAE"/>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extLst>
    <a:ext uri="{05A4C25C-085E-4340-85A3-A5531E510DB2}">
      <thm15:themeFamily xmlns:thm15="http://schemas.microsoft.com/office/thememl/2012/main" name="2958.potx" id="{15F4F0E8-AAB9-410F-A0E1-20EAF6657B73}" vid="{D95674A7-B2F0-4E57-9F31-D0BF8609A11C}"/>
    </a:ext>
  </a:extLst>
</a:theme>
</file>

<file path=ppt/theme/theme4.xml><?xml version="1.0" encoding="utf-8"?>
<a:theme xmlns:a="http://schemas.openxmlformats.org/drawingml/2006/main" name="1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5.xml><?xml version="1.0" encoding="utf-8"?>
<a:theme xmlns:a="http://schemas.openxmlformats.org/drawingml/2006/main" name="2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7.xml><?xml version="1.0" encoding="utf-8"?>
<a:theme xmlns:a="http://schemas.openxmlformats.org/drawingml/2006/main" name="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8.xml><?xml version="1.0" encoding="utf-8"?>
<a:theme xmlns:a="http://schemas.openxmlformats.org/drawingml/2006/main" name="3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9.xml><?xml version="1.0" encoding="utf-8"?>
<a:theme xmlns:a="http://schemas.openxmlformats.org/drawingml/2006/main" name="7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570</TotalTime>
  <Words>1585</Words>
  <Application>Microsoft Office PowerPoint</Application>
  <PresentationFormat>Geniş ekran</PresentationFormat>
  <Paragraphs>365</Paragraphs>
  <Slides>40</Slides>
  <Notes>40</Notes>
  <HiddenSlides>0</HiddenSlides>
  <MMClips>1</MMClips>
  <ScaleCrop>false</ScaleCrop>
  <HeadingPairs>
    <vt:vector size="6" baseType="variant">
      <vt:variant>
        <vt:lpstr>Kullanılan Yazı Tipleri</vt:lpstr>
      </vt:variant>
      <vt:variant>
        <vt:i4>13</vt:i4>
      </vt:variant>
      <vt:variant>
        <vt:lpstr>Tema</vt:lpstr>
      </vt:variant>
      <vt:variant>
        <vt:i4>11</vt:i4>
      </vt:variant>
      <vt:variant>
        <vt:lpstr>Slayt Başlıkları</vt:lpstr>
      </vt:variant>
      <vt:variant>
        <vt:i4>40</vt:i4>
      </vt:variant>
    </vt:vector>
  </HeadingPairs>
  <TitlesOfParts>
    <vt:vector size="64" baseType="lpstr">
      <vt:lpstr>맑은 고딕</vt:lpstr>
      <vt:lpstr>Aptos</vt:lpstr>
      <vt:lpstr>Aptos Display</vt:lpstr>
      <vt:lpstr>Arial</vt:lpstr>
      <vt:lpstr>Bahnschrift SemiCondensed</vt:lpstr>
      <vt:lpstr>Calibri</vt:lpstr>
      <vt:lpstr>Calibri Light</vt:lpstr>
      <vt:lpstr>EB Garamond</vt:lpstr>
      <vt:lpstr>Helvetica</vt:lpstr>
      <vt:lpstr>Open Sans</vt:lpstr>
      <vt:lpstr>Rockwell Extra Bold</vt:lpstr>
      <vt:lpstr>Times New Roman</vt:lpstr>
      <vt:lpstr>Wingdings</vt:lpstr>
      <vt:lpstr>Office Teması</vt:lpstr>
      <vt:lpstr>6_Office Teması</vt:lpstr>
      <vt:lpstr>1891</vt:lpstr>
      <vt:lpstr>1_Office Teması</vt:lpstr>
      <vt:lpstr>2_Office Teması</vt:lpstr>
      <vt:lpstr>Office Theme</vt:lpstr>
      <vt:lpstr>JAY DESIGN</vt:lpstr>
      <vt:lpstr>3_Office Teması</vt:lpstr>
      <vt:lpstr>7_Office Teması</vt:lpstr>
      <vt:lpstr>4_Office Teması</vt:lpstr>
      <vt:lpstr>5_Office Teması</vt:lpstr>
      <vt:lpstr>PowerPoint Sunusu</vt:lpstr>
      <vt:lpstr>PowerPoint Sunusu</vt:lpstr>
      <vt:lpstr>PowerPoint Sunusu</vt:lpstr>
      <vt:lpstr>PowerPoint Sunusu</vt:lpstr>
      <vt:lpstr>PowerPoint Sunusu</vt:lpstr>
      <vt:lpstr>PowerPoint Sunusu</vt:lpstr>
      <vt:lpstr>Dua ile ilgili birkaç soru?</vt:lpstr>
      <vt:lpstr>PowerPoint Sunusu</vt:lpstr>
      <vt:lpstr>Dua ile ilgili doğru olanları işaretleyelim</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NouS/TncTR</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0.1.5 İnsanın Allah ile İrtibatı</dc:title>
  <dc:creator>Mustafa Yıldırım</dc:creator>
  <cp:lastModifiedBy>Mustafa YILDIRIM</cp:lastModifiedBy>
  <cp:revision>61</cp:revision>
  <dcterms:created xsi:type="dcterms:W3CDTF">2020-10-10T18:55:05Z</dcterms:created>
  <dcterms:modified xsi:type="dcterms:W3CDTF">2024-09-08T15:01:03Z</dcterms:modified>
</cp:coreProperties>
</file>